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8"/>
  </p:sldMasterIdLst>
  <p:notesMasterIdLst>
    <p:notesMasterId r:id="rId25"/>
  </p:notesMasterIdLst>
  <p:handoutMasterIdLst>
    <p:handoutMasterId r:id="rId26"/>
  </p:handoutMasterIdLst>
  <p:sldIdLst>
    <p:sldId id="277" r:id="rId19"/>
    <p:sldId id="274" r:id="rId20"/>
    <p:sldId id="276" r:id="rId21"/>
    <p:sldId id="272" r:id="rId22"/>
    <p:sldId id="273" r:id="rId23"/>
    <p:sldId id="278" r:id="rId24"/>
  </p:sldIdLst>
  <p:sldSz cx="12190413" cy="6858000"/>
  <p:notesSz cx="6858000" cy="9144000"/>
  <p:custDataLst>
    <p:tags r:id="rId2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0000"/>
    <a:srgbClr val="FFFFFF"/>
    <a:srgbClr val="99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BB25309-8A49-4488-B011-FDD4755095A8}" v="1016" dt="2022-04-19T19:23:07.829"/>
    <p1510:client id="{0DA451F4-0490-45AB-84DA-F198983DADE2}" v="2" dt="2022-04-19T16:16:33.394"/>
    <p1510:client id="{114650A2-CB69-4674-B8AA-20EA915EF6BD}" v="270" dt="2022-04-19T21:07:01.794"/>
    <p1510:client id="{15FDD215-A631-4268-898D-C6E7F4C9793D}" v="144" dt="2022-04-19T19:57:26.881"/>
    <p1510:client id="{2E284E65-132F-4849-B38C-126790522C8B}" v="11" dt="2022-04-19T12:46:49.283"/>
    <p1510:client id="{2FC2B0F2-EAD8-402E-BBEE-A89D0A36D81A}" v="42" dt="2022-04-18T14:52:39.160"/>
    <p1510:client id="{319BDD30-A3E1-4330-96B1-579A5AAEB1E9}" v="21" dt="2022-04-19T20:49:30.049"/>
    <p1510:client id="{330E1B44-B9C6-48B1-9848-FD0E3ED84132}" v="29" dt="2022-04-19T18:47:57.009"/>
    <p1510:client id="{6129F362-11A9-4AEA-BC31-E8F328A9BB75}" v="579" dt="2022-04-19T20:54:27.744"/>
    <p1510:client id="{77E87D53-6BA1-4BC4-BEC9-CBC30E3BF889}" v="145" dt="2022-04-19T15:52:39.604"/>
    <p1510:client id="{7C1D2644-2775-4DBF-B964-DAB9836B8848}" v="3" dt="2022-04-19T21:03:09.731"/>
    <p1510:client id="{8D42F367-7403-4C18-911F-4547DC9AC8F9}" v="108" dt="2022-04-19T15:38:59.012"/>
    <p1510:client id="{96D55374-6BB1-443C-B620-1EB82B948FBB}" v="432" dt="2022-04-19T19:47:44.395"/>
    <p1510:client id="{B482C0ED-3DD8-4226-B9E0-067FCF69377A}" v="71" dt="2022-04-19T12:51:56.274"/>
    <p1510:client id="{D16EB31F-B0D2-4456-8322-5A7AE901943A}" v="294" dt="2022-04-18T14:58:10.181"/>
    <p1510:client id="{DCF58901-49C9-4497-BB96-9AF38858515F}" v="7" dt="2022-04-19T14:07:42.079"/>
    <p1510:client id="{E2F1D1DE-42DA-4659-BBB5-675F591A0AB4}" v="1359" dt="2022-04-19T18:39:07.637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/>
    </p:cSldViewPr>
  </p:slide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3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notesMaster" Target="notesMasters/notesMaster1.xml"/><Relationship Id="rId33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2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6.xml"/><Relationship Id="rId32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tags" Target="tags/tag1.xml"/><Relationship Id="rId30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teffen Holm Cordes" userId="S::s184208@dtu.dk::0c37b29c-ec4d-473a-8cfe-57f5e5d0295d" providerId="AD" clId="Web-{319BDD30-A3E1-4330-96B1-579A5AAEB1E9}"/>
    <pc:docChg chg="addSld delSld modSld">
      <pc:chgData name="Steffen Holm Cordes" userId="S::s184208@dtu.dk::0c37b29c-ec4d-473a-8cfe-57f5e5d0295d" providerId="AD" clId="Web-{319BDD30-A3E1-4330-96B1-579A5AAEB1E9}" dt="2022-04-19T20:49:30.049" v="19"/>
      <pc:docMkLst>
        <pc:docMk/>
      </pc:docMkLst>
      <pc:sldChg chg="addSp delSp modSp del">
        <pc:chgData name="Steffen Holm Cordes" userId="S::s184208@dtu.dk::0c37b29c-ec4d-473a-8cfe-57f5e5d0295d" providerId="AD" clId="Web-{319BDD30-A3E1-4330-96B1-579A5AAEB1E9}" dt="2022-04-19T20:44:43.525" v="8"/>
        <pc:sldMkLst>
          <pc:docMk/>
          <pc:sldMk cId="2649058701" sldId="271"/>
        </pc:sldMkLst>
        <pc:spChg chg="del">
          <ac:chgData name="Steffen Holm Cordes" userId="S::s184208@dtu.dk::0c37b29c-ec4d-473a-8cfe-57f5e5d0295d" providerId="AD" clId="Web-{319BDD30-A3E1-4330-96B1-579A5AAEB1E9}" dt="2022-04-19T20:44:29.353" v="6"/>
          <ac:spMkLst>
            <pc:docMk/>
            <pc:sldMk cId="2649058701" sldId="271"/>
            <ac:spMk id="2" creationId="{455786BC-C30A-03E4-B27C-84B910AF9727}"/>
          </ac:spMkLst>
        </pc:spChg>
        <pc:spChg chg="del">
          <ac:chgData name="Steffen Holm Cordes" userId="S::s184208@dtu.dk::0c37b29c-ec4d-473a-8cfe-57f5e5d0295d" providerId="AD" clId="Web-{319BDD30-A3E1-4330-96B1-579A5AAEB1E9}" dt="2022-04-19T20:44:31.556" v="7"/>
          <ac:spMkLst>
            <pc:docMk/>
            <pc:sldMk cId="2649058701" sldId="271"/>
            <ac:spMk id="3" creationId="{5D80FE17-E141-BD1F-A474-32874D92E3A4}"/>
          </ac:spMkLst>
        </pc:spChg>
        <pc:spChg chg="add mod">
          <ac:chgData name="Steffen Holm Cordes" userId="S::s184208@dtu.dk::0c37b29c-ec4d-473a-8cfe-57f5e5d0295d" providerId="AD" clId="Web-{319BDD30-A3E1-4330-96B1-579A5AAEB1E9}" dt="2022-04-19T20:44:29.353" v="6"/>
          <ac:spMkLst>
            <pc:docMk/>
            <pc:sldMk cId="2649058701" sldId="271"/>
            <ac:spMk id="7" creationId="{C32E34DB-DE06-059D-215A-F8CCA542551A}"/>
          </ac:spMkLst>
        </pc:spChg>
        <pc:spChg chg="add mod">
          <ac:chgData name="Steffen Holm Cordes" userId="S::s184208@dtu.dk::0c37b29c-ec4d-473a-8cfe-57f5e5d0295d" providerId="AD" clId="Web-{319BDD30-A3E1-4330-96B1-579A5AAEB1E9}" dt="2022-04-19T20:44:31.556" v="7"/>
          <ac:spMkLst>
            <pc:docMk/>
            <pc:sldMk cId="2649058701" sldId="271"/>
            <ac:spMk id="9" creationId="{4CE11CF2-EED2-B689-EE21-01FA8A17E3B5}"/>
          </ac:spMkLst>
        </pc:spChg>
      </pc:sldChg>
      <pc:sldChg chg="modSp">
        <pc:chgData name="Steffen Holm Cordes" userId="S::s184208@dtu.dk::0c37b29c-ec4d-473a-8cfe-57f5e5d0295d" providerId="AD" clId="Web-{319BDD30-A3E1-4330-96B1-579A5AAEB1E9}" dt="2022-04-19T20:43:35.273" v="4" actId="20577"/>
        <pc:sldMkLst>
          <pc:docMk/>
          <pc:sldMk cId="2476560604" sldId="272"/>
        </pc:sldMkLst>
        <pc:spChg chg="mod">
          <ac:chgData name="Steffen Holm Cordes" userId="S::s184208@dtu.dk::0c37b29c-ec4d-473a-8cfe-57f5e5d0295d" providerId="AD" clId="Web-{319BDD30-A3E1-4330-96B1-579A5AAEB1E9}" dt="2022-04-19T20:43:35.273" v="4" actId="20577"/>
          <ac:spMkLst>
            <pc:docMk/>
            <pc:sldMk cId="2476560604" sldId="272"/>
            <ac:spMk id="3" creationId="{5D80FE17-E141-BD1F-A474-32874D92E3A4}"/>
          </ac:spMkLst>
        </pc:spChg>
      </pc:sldChg>
      <pc:sldChg chg="modSp">
        <pc:chgData name="Steffen Holm Cordes" userId="S::s184208@dtu.dk::0c37b29c-ec4d-473a-8cfe-57f5e5d0295d" providerId="AD" clId="Web-{319BDD30-A3E1-4330-96B1-579A5AAEB1E9}" dt="2022-04-19T20:46:22.371" v="18" actId="20577"/>
        <pc:sldMkLst>
          <pc:docMk/>
          <pc:sldMk cId="2045981759" sldId="273"/>
        </pc:sldMkLst>
        <pc:spChg chg="mod">
          <ac:chgData name="Steffen Holm Cordes" userId="S::s184208@dtu.dk::0c37b29c-ec4d-473a-8cfe-57f5e5d0295d" providerId="AD" clId="Web-{319BDD30-A3E1-4330-96B1-579A5AAEB1E9}" dt="2022-04-19T20:46:22.371" v="18" actId="20577"/>
          <ac:spMkLst>
            <pc:docMk/>
            <pc:sldMk cId="2045981759" sldId="273"/>
            <ac:spMk id="3" creationId="{5D80FE17-E141-BD1F-A474-32874D92E3A4}"/>
          </ac:spMkLst>
        </pc:spChg>
      </pc:sldChg>
      <pc:sldChg chg="del">
        <pc:chgData name="Steffen Holm Cordes" userId="S::s184208@dtu.dk::0c37b29c-ec4d-473a-8cfe-57f5e5d0295d" providerId="AD" clId="Web-{319BDD30-A3E1-4330-96B1-579A5AAEB1E9}" dt="2022-04-19T20:49:30.049" v="19"/>
        <pc:sldMkLst>
          <pc:docMk/>
          <pc:sldMk cId="3104400639" sldId="275"/>
        </pc:sldMkLst>
      </pc:sldChg>
      <pc:sldChg chg="add replId">
        <pc:chgData name="Steffen Holm Cordes" userId="S::s184208@dtu.dk::0c37b29c-ec4d-473a-8cfe-57f5e5d0295d" providerId="AD" clId="Web-{319BDD30-A3E1-4330-96B1-579A5AAEB1E9}" dt="2022-04-19T20:44:22.977" v="5"/>
        <pc:sldMkLst>
          <pc:docMk/>
          <pc:sldMk cId="1850069806" sldId="277"/>
        </pc:sldMkLst>
      </pc:sldChg>
    </pc:docChg>
  </pc:docChgLst>
  <pc:docChgLst>
    <pc:chgData name="Steffen Holm Cordes" userId="S::s184208@dtu.dk::0c37b29c-ec4d-473a-8cfe-57f5e5d0295d" providerId="AD" clId="Web-{330E1B44-B9C6-48B1-9848-FD0E3ED84132}"/>
    <pc:docChg chg="modSld">
      <pc:chgData name="Steffen Holm Cordes" userId="S::s184208@dtu.dk::0c37b29c-ec4d-473a-8cfe-57f5e5d0295d" providerId="AD" clId="Web-{330E1B44-B9C6-48B1-9848-FD0E3ED84132}" dt="2022-04-19T18:47:57.009" v="23" actId="14100"/>
      <pc:docMkLst>
        <pc:docMk/>
      </pc:docMkLst>
      <pc:sldChg chg="addSp delSp modSp">
        <pc:chgData name="Steffen Holm Cordes" userId="S::s184208@dtu.dk::0c37b29c-ec4d-473a-8cfe-57f5e5d0295d" providerId="AD" clId="Web-{330E1B44-B9C6-48B1-9848-FD0E3ED84132}" dt="2022-04-19T18:47:57.009" v="23" actId="14100"/>
        <pc:sldMkLst>
          <pc:docMk/>
          <pc:sldMk cId="2045981759" sldId="273"/>
        </pc:sldMkLst>
        <pc:picChg chg="add del mod">
          <ac:chgData name="Steffen Holm Cordes" userId="S::s184208@dtu.dk::0c37b29c-ec4d-473a-8cfe-57f5e5d0295d" providerId="AD" clId="Web-{330E1B44-B9C6-48B1-9848-FD0E3ED84132}" dt="2022-04-19T18:41:20.174" v="4"/>
          <ac:picMkLst>
            <pc:docMk/>
            <pc:sldMk cId="2045981759" sldId="273"/>
            <ac:picMk id="5" creationId="{2C370725-BA55-5D61-23D2-824444840376}"/>
          </ac:picMkLst>
        </pc:picChg>
        <pc:picChg chg="add del mod">
          <ac:chgData name="Steffen Holm Cordes" userId="S::s184208@dtu.dk::0c37b29c-ec4d-473a-8cfe-57f5e5d0295d" providerId="AD" clId="Web-{330E1B44-B9C6-48B1-9848-FD0E3ED84132}" dt="2022-04-19T18:47:03.037" v="20"/>
          <ac:picMkLst>
            <pc:docMk/>
            <pc:sldMk cId="2045981759" sldId="273"/>
            <ac:picMk id="6" creationId="{90BEEC34-B09F-9CF6-F0F1-096D2EE9BFBF}"/>
          </ac:picMkLst>
        </pc:picChg>
        <pc:picChg chg="add del mod">
          <ac:chgData name="Steffen Holm Cordes" userId="S::s184208@dtu.dk::0c37b29c-ec4d-473a-8cfe-57f5e5d0295d" providerId="AD" clId="Web-{330E1B44-B9C6-48B1-9848-FD0E3ED84132}" dt="2022-04-19T18:46:23.879" v="15"/>
          <ac:picMkLst>
            <pc:docMk/>
            <pc:sldMk cId="2045981759" sldId="273"/>
            <ac:picMk id="7" creationId="{DD5C5502-828C-6E86-E99C-A20F13A50E2A}"/>
          </ac:picMkLst>
        </pc:picChg>
        <pc:picChg chg="add del mod">
          <ac:chgData name="Steffen Holm Cordes" userId="S::s184208@dtu.dk::0c37b29c-ec4d-473a-8cfe-57f5e5d0295d" providerId="AD" clId="Web-{330E1B44-B9C6-48B1-9848-FD0E3ED84132}" dt="2022-04-19T18:47:02.194" v="19"/>
          <ac:picMkLst>
            <pc:docMk/>
            <pc:sldMk cId="2045981759" sldId="273"/>
            <ac:picMk id="8" creationId="{3E6940C2-05E5-68CA-197E-A8D65AE779B3}"/>
          </ac:picMkLst>
        </pc:picChg>
        <pc:picChg chg="add mod">
          <ac:chgData name="Steffen Holm Cordes" userId="S::s184208@dtu.dk::0c37b29c-ec4d-473a-8cfe-57f5e5d0295d" providerId="AD" clId="Web-{330E1B44-B9C6-48B1-9848-FD0E3ED84132}" dt="2022-04-19T18:47:57.009" v="23" actId="14100"/>
          <ac:picMkLst>
            <pc:docMk/>
            <pc:sldMk cId="2045981759" sldId="273"/>
            <ac:picMk id="9" creationId="{3A2C1D0C-34D4-053E-6CEF-E2A7B4B3A6A0}"/>
          </ac:picMkLst>
        </pc:picChg>
      </pc:sldChg>
    </pc:docChg>
  </pc:docChgLst>
  <pc:docChgLst>
    <pc:chgData name="Nikolaj Søndergaard Povlsen" userId="S::s183930@dtu.dk::a5793ce8-26ea-470c-ac9e-d1dad6426281" providerId="AD" clId="Web-{6129F362-11A9-4AEA-BC31-E8F328A9BB75}"/>
    <pc:docChg chg="addSld delSld modSld">
      <pc:chgData name="Nikolaj Søndergaard Povlsen" userId="S::s183930@dtu.dk::a5793ce8-26ea-470c-ac9e-d1dad6426281" providerId="AD" clId="Web-{6129F362-11A9-4AEA-BC31-E8F328A9BB75}" dt="2022-04-19T20:54:27.744" v="485" actId="20577"/>
      <pc:docMkLst>
        <pc:docMk/>
      </pc:docMkLst>
      <pc:sldChg chg="modSp">
        <pc:chgData name="Nikolaj Søndergaard Povlsen" userId="S::s183930@dtu.dk::a5793ce8-26ea-470c-ac9e-d1dad6426281" providerId="AD" clId="Web-{6129F362-11A9-4AEA-BC31-E8F328A9BB75}" dt="2022-04-19T20:21:28.952" v="83" actId="1076"/>
        <pc:sldMkLst>
          <pc:docMk/>
          <pc:sldMk cId="2649058701" sldId="271"/>
        </pc:sldMkLst>
        <pc:spChg chg="mod">
          <ac:chgData name="Nikolaj Søndergaard Povlsen" userId="S::s183930@dtu.dk::a5793ce8-26ea-470c-ac9e-d1dad6426281" providerId="AD" clId="Web-{6129F362-11A9-4AEA-BC31-E8F328A9BB75}" dt="2022-04-19T20:21:28.952" v="83" actId="1076"/>
          <ac:spMkLst>
            <pc:docMk/>
            <pc:sldMk cId="2649058701" sldId="271"/>
            <ac:spMk id="5" creationId="{D5EF9C04-7EBF-B5E2-BE2B-684A60644916}"/>
          </ac:spMkLst>
        </pc:spChg>
      </pc:sldChg>
      <pc:sldChg chg="modSp">
        <pc:chgData name="Nikolaj Søndergaard Povlsen" userId="S::s183930@dtu.dk::a5793ce8-26ea-470c-ac9e-d1dad6426281" providerId="AD" clId="Web-{6129F362-11A9-4AEA-BC31-E8F328A9BB75}" dt="2022-04-19T20:54:27.744" v="485" actId="20577"/>
        <pc:sldMkLst>
          <pc:docMk/>
          <pc:sldMk cId="2476560604" sldId="272"/>
        </pc:sldMkLst>
        <pc:spChg chg="mod">
          <ac:chgData name="Nikolaj Søndergaard Povlsen" userId="S::s183930@dtu.dk::a5793ce8-26ea-470c-ac9e-d1dad6426281" providerId="AD" clId="Web-{6129F362-11A9-4AEA-BC31-E8F328A9BB75}" dt="2022-04-19T20:31:10.048" v="302" actId="1076"/>
          <ac:spMkLst>
            <pc:docMk/>
            <pc:sldMk cId="2476560604" sldId="272"/>
            <ac:spMk id="2" creationId="{455786BC-C30A-03E4-B27C-84B910AF9727}"/>
          </ac:spMkLst>
        </pc:spChg>
        <pc:spChg chg="mod">
          <ac:chgData name="Nikolaj Søndergaard Povlsen" userId="S::s183930@dtu.dk::a5793ce8-26ea-470c-ac9e-d1dad6426281" providerId="AD" clId="Web-{6129F362-11A9-4AEA-BC31-E8F328A9BB75}" dt="2022-04-19T20:54:27.744" v="485" actId="20577"/>
          <ac:spMkLst>
            <pc:docMk/>
            <pc:sldMk cId="2476560604" sldId="272"/>
            <ac:spMk id="3" creationId="{5D80FE17-E141-BD1F-A474-32874D92E3A4}"/>
          </ac:spMkLst>
        </pc:spChg>
      </pc:sldChg>
      <pc:sldChg chg="addSp delSp modSp">
        <pc:chgData name="Nikolaj Søndergaard Povlsen" userId="S::s183930@dtu.dk::a5793ce8-26ea-470c-ac9e-d1dad6426281" providerId="AD" clId="Web-{6129F362-11A9-4AEA-BC31-E8F328A9BB75}" dt="2022-04-19T20:34:21.429" v="335"/>
        <pc:sldMkLst>
          <pc:docMk/>
          <pc:sldMk cId="2045981759" sldId="273"/>
        </pc:sldMkLst>
        <pc:spChg chg="mod">
          <ac:chgData name="Nikolaj Søndergaard Povlsen" userId="S::s183930@dtu.dk::a5793ce8-26ea-470c-ac9e-d1dad6426281" providerId="AD" clId="Web-{6129F362-11A9-4AEA-BC31-E8F328A9BB75}" dt="2022-04-19T20:34:20.038" v="334" actId="14100"/>
          <ac:spMkLst>
            <pc:docMk/>
            <pc:sldMk cId="2045981759" sldId="273"/>
            <ac:spMk id="2" creationId="{455786BC-C30A-03E4-B27C-84B910AF9727}"/>
          </ac:spMkLst>
        </pc:spChg>
        <pc:spChg chg="mod">
          <ac:chgData name="Nikolaj Søndergaard Povlsen" userId="S::s183930@dtu.dk::a5793ce8-26ea-470c-ac9e-d1dad6426281" providerId="AD" clId="Web-{6129F362-11A9-4AEA-BC31-E8F328A9BB75}" dt="2022-04-19T20:30:16.781" v="300" actId="20577"/>
          <ac:spMkLst>
            <pc:docMk/>
            <pc:sldMk cId="2045981759" sldId="273"/>
            <ac:spMk id="3" creationId="{5D80FE17-E141-BD1F-A474-32874D92E3A4}"/>
          </ac:spMkLst>
        </pc:spChg>
        <pc:spChg chg="add del">
          <ac:chgData name="Nikolaj Søndergaard Povlsen" userId="S::s183930@dtu.dk::a5793ce8-26ea-470c-ac9e-d1dad6426281" providerId="AD" clId="Web-{6129F362-11A9-4AEA-BC31-E8F328A9BB75}" dt="2022-04-19T20:34:21.429" v="335"/>
          <ac:spMkLst>
            <pc:docMk/>
            <pc:sldMk cId="2045981759" sldId="273"/>
            <ac:spMk id="5" creationId="{144FE925-8C44-D2C5-5BED-B8BFF5A538A4}"/>
          </ac:spMkLst>
        </pc:spChg>
      </pc:sldChg>
      <pc:sldChg chg="addSp delSp modSp">
        <pc:chgData name="Nikolaj Søndergaard Povlsen" userId="S::s183930@dtu.dk::a5793ce8-26ea-470c-ac9e-d1dad6426281" providerId="AD" clId="Web-{6129F362-11A9-4AEA-BC31-E8F328A9BB75}" dt="2022-04-19T20:52:01.521" v="470" actId="1076"/>
        <pc:sldMkLst>
          <pc:docMk/>
          <pc:sldMk cId="517025947" sldId="274"/>
        </pc:sldMkLst>
        <pc:spChg chg="mod">
          <ac:chgData name="Nikolaj Søndergaard Povlsen" userId="S::s183930@dtu.dk::a5793ce8-26ea-470c-ac9e-d1dad6426281" providerId="AD" clId="Web-{6129F362-11A9-4AEA-BC31-E8F328A9BB75}" dt="2022-04-19T20:50:49.097" v="450" actId="20577"/>
          <ac:spMkLst>
            <pc:docMk/>
            <pc:sldMk cId="517025947" sldId="274"/>
            <ac:spMk id="2" creationId="{FEA4291E-03BA-43CC-D3CF-E0A31AC51258}"/>
          </ac:spMkLst>
        </pc:spChg>
        <pc:spChg chg="mod">
          <ac:chgData name="Nikolaj Søndergaard Povlsen" userId="S::s183930@dtu.dk::a5793ce8-26ea-470c-ac9e-d1dad6426281" providerId="AD" clId="Web-{6129F362-11A9-4AEA-BC31-E8F328A9BB75}" dt="2022-04-19T20:51:43.302" v="463" actId="14100"/>
          <ac:spMkLst>
            <pc:docMk/>
            <pc:sldMk cId="517025947" sldId="274"/>
            <ac:spMk id="3" creationId="{89F0E51C-5E19-2675-C445-016A78E216EF}"/>
          </ac:spMkLst>
        </pc:spChg>
        <pc:spChg chg="add del">
          <ac:chgData name="Nikolaj Søndergaard Povlsen" userId="S::s183930@dtu.dk::a5793ce8-26ea-470c-ac9e-d1dad6426281" providerId="AD" clId="Web-{6129F362-11A9-4AEA-BC31-E8F328A9BB75}" dt="2022-04-19T20:31:47.252" v="309"/>
          <ac:spMkLst>
            <pc:docMk/>
            <pc:sldMk cId="517025947" sldId="274"/>
            <ac:spMk id="5" creationId="{3923FEA5-EAD8-6699-07E2-63DA87C0BFB9}"/>
          </ac:spMkLst>
        </pc:spChg>
        <pc:spChg chg="del mod">
          <ac:chgData name="Nikolaj Søndergaard Povlsen" userId="S::s183930@dtu.dk::a5793ce8-26ea-470c-ac9e-d1dad6426281" providerId="AD" clId="Web-{6129F362-11A9-4AEA-BC31-E8F328A9BB75}" dt="2022-04-19T20:36:04.541" v="349"/>
          <ac:spMkLst>
            <pc:docMk/>
            <pc:sldMk cId="517025947" sldId="274"/>
            <ac:spMk id="6" creationId="{0ACD5A7B-1CA9-FB1E-E41E-D2D228E265E9}"/>
          </ac:spMkLst>
        </pc:spChg>
        <pc:spChg chg="add del">
          <ac:chgData name="Nikolaj Søndergaard Povlsen" userId="S::s183930@dtu.dk::a5793ce8-26ea-470c-ac9e-d1dad6426281" providerId="AD" clId="Web-{6129F362-11A9-4AEA-BC31-E8F328A9BB75}" dt="2022-04-19T20:32:05.174" v="313"/>
          <ac:spMkLst>
            <pc:docMk/>
            <pc:sldMk cId="517025947" sldId="274"/>
            <ac:spMk id="7" creationId="{E4B8800D-6E50-3DE6-1363-43BCCDBB9252}"/>
          </ac:spMkLst>
        </pc:spChg>
        <pc:spChg chg="del mod">
          <ac:chgData name="Nikolaj Søndergaard Povlsen" userId="S::s183930@dtu.dk::a5793ce8-26ea-470c-ac9e-d1dad6426281" providerId="AD" clId="Web-{6129F362-11A9-4AEA-BC31-E8F328A9BB75}" dt="2022-04-19T20:36:06.275" v="350"/>
          <ac:spMkLst>
            <pc:docMk/>
            <pc:sldMk cId="517025947" sldId="274"/>
            <ac:spMk id="8" creationId="{D0AE7DA2-B038-3589-EF6D-15A0558C1627}"/>
          </ac:spMkLst>
        </pc:spChg>
        <pc:spChg chg="add mod">
          <ac:chgData name="Nikolaj Søndergaard Povlsen" userId="S::s183930@dtu.dk::a5793ce8-26ea-470c-ac9e-d1dad6426281" providerId="AD" clId="Web-{6129F362-11A9-4AEA-BC31-E8F328A9BB75}" dt="2022-04-19T20:52:01.521" v="470" actId="1076"/>
          <ac:spMkLst>
            <pc:docMk/>
            <pc:sldMk cId="517025947" sldId="274"/>
            <ac:spMk id="11" creationId="{9179C6FE-F381-7A58-FDF0-B1BBCC06EF31}"/>
          </ac:spMkLst>
        </pc:spChg>
        <pc:picChg chg="add mod">
          <ac:chgData name="Nikolaj Søndergaard Povlsen" userId="S::s183930@dtu.dk::a5793ce8-26ea-470c-ac9e-d1dad6426281" providerId="AD" clId="Web-{6129F362-11A9-4AEA-BC31-E8F328A9BB75}" dt="2022-04-19T20:38:32.342" v="358"/>
          <ac:picMkLst>
            <pc:docMk/>
            <pc:sldMk cId="517025947" sldId="274"/>
            <ac:picMk id="10" creationId="{3F18A4B1-AC0A-8333-2C87-BC22C85F1379}"/>
          </ac:picMkLst>
        </pc:picChg>
      </pc:sldChg>
      <pc:sldChg chg="addSp delSp modSp">
        <pc:chgData name="Nikolaj Søndergaard Povlsen" userId="S::s183930@dtu.dk::a5793ce8-26ea-470c-ac9e-d1dad6426281" providerId="AD" clId="Web-{6129F362-11A9-4AEA-BC31-E8F328A9BB75}" dt="2022-04-19T20:34:05.397" v="331"/>
        <pc:sldMkLst>
          <pc:docMk/>
          <pc:sldMk cId="3104400639" sldId="275"/>
        </pc:sldMkLst>
        <pc:spChg chg="mod">
          <ac:chgData name="Nikolaj Søndergaard Povlsen" userId="S::s183930@dtu.dk::a5793ce8-26ea-470c-ac9e-d1dad6426281" providerId="AD" clId="Web-{6129F362-11A9-4AEA-BC31-E8F328A9BB75}" dt="2022-04-19T20:34:01.600" v="330" actId="14100"/>
          <ac:spMkLst>
            <pc:docMk/>
            <pc:sldMk cId="3104400639" sldId="275"/>
            <ac:spMk id="2" creationId="{3503D4E2-5BBC-92A5-4F5A-083F33DAED05}"/>
          </ac:spMkLst>
        </pc:spChg>
        <pc:spChg chg="add del">
          <ac:chgData name="Nikolaj Søndergaard Povlsen" userId="S::s183930@dtu.dk::a5793ce8-26ea-470c-ac9e-d1dad6426281" providerId="AD" clId="Web-{6129F362-11A9-4AEA-BC31-E8F328A9BB75}" dt="2022-04-19T20:34:05.397" v="331"/>
          <ac:spMkLst>
            <pc:docMk/>
            <pc:sldMk cId="3104400639" sldId="275"/>
            <ac:spMk id="6" creationId="{E47074D9-5A25-010A-C984-FAA34E2A5D88}"/>
          </ac:spMkLst>
        </pc:spChg>
      </pc:sldChg>
      <pc:sldChg chg="addSp delSp modSp">
        <pc:chgData name="Nikolaj Søndergaard Povlsen" userId="S::s183930@dtu.dk::a5793ce8-26ea-470c-ac9e-d1dad6426281" providerId="AD" clId="Web-{6129F362-11A9-4AEA-BC31-E8F328A9BB75}" dt="2022-04-19T20:52:44.225" v="471" actId="1076"/>
        <pc:sldMkLst>
          <pc:docMk/>
          <pc:sldMk cId="4054874930" sldId="276"/>
        </pc:sldMkLst>
        <pc:spChg chg="add mod">
          <ac:chgData name="Nikolaj Søndergaard Povlsen" userId="S::s183930@dtu.dk::a5793ce8-26ea-470c-ac9e-d1dad6426281" providerId="AD" clId="Web-{6129F362-11A9-4AEA-BC31-E8F328A9BB75}" dt="2022-04-19T20:47:29.576" v="438" actId="1076"/>
          <ac:spMkLst>
            <pc:docMk/>
            <pc:sldMk cId="4054874930" sldId="276"/>
            <ac:spMk id="2" creationId="{2592903E-9C6E-F697-3F53-C3CABC79A5B3}"/>
          </ac:spMkLst>
        </pc:spChg>
        <pc:spChg chg="add del mod">
          <ac:chgData name="Nikolaj Søndergaard Povlsen" userId="S::s183930@dtu.dk::a5793ce8-26ea-470c-ac9e-d1dad6426281" providerId="AD" clId="Web-{6129F362-11A9-4AEA-BC31-E8F328A9BB75}" dt="2022-04-19T20:33:18.817" v="322"/>
          <ac:spMkLst>
            <pc:docMk/>
            <pc:sldMk cId="4054874930" sldId="276"/>
            <ac:spMk id="3" creationId="{0274DF21-C849-8E6E-AB91-EF0672395606}"/>
          </ac:spMkLst>
        </pc:spChg>
        <pc:spChg chg="mod">
          <ac:chgData name="Nikolaj Søndergaard Povlsen" userId="S::s183930@dtu.dk::a5793ce8-26ea-470c-ac9e-d1dad6426281" providerId="AD" clId="Web-{6129F362-11A9-4AEA-BC31-E8F328A9BB75}" dt="2022-04-19T20:52:44.225" v="471" actId="1076"/>
          <ac:spMkLst>
            <pc:docMk/>
            <pc:sldMk cId="4054874930" sldId="276"/>
            <ac:spMk id="6" creationId="{4052D20C-C251-5DEA-D1BE-7ED0EC9D32CA}"/>
          </ac:spMkLst>
        </pc:spChg>
        <pc:spChg chg="add del mod">
          <ac:chgData name="Nikolaj Søndergaard Povlsen" userId="S::s183930@dtu.dk::a5793ce8-26ea-470c-ac9e-d1dad6426281" providerId="AD" clId="Web-{6129F362-11A9-4AEA-BC31-E8F328A9BB75}" dt="2022-04-19T20:33:37.443" v="326"/>
          <ac:spMkLst>
            <pc:docMk/>
            <pc:sldMk cId="4054874930" sldId="276"/>
            <ac:spMk id="7" creationId="{4B588C4B-2A5C-5A99-F5A2-38469FB4E79A}"/>
          </ac:spMkLst>
        </pc:spChg>
        <pc:spChg chg="add mod">
          <ac:chgData name="Nikolaj Søndergaard Povlsen" userId="S::s183930@dtu.dk::a5793ce8-26ea-470c-ac9e-d1dad6426281" providerId="AD" clId="Web-{6129F362-11A9-4AEA-BC31-E8F328A9BB75}" dt="2022-04-19T20:01:02.053" v="40" actId="20577"/>
          <ac:spMkLst>
            <pc:docMk/>
            <pc:sldMk cId="4054874930" sldId="276"/>
            <ac:spMk id="10" creationId="{48A4F97B-AC7B-281F-96BE-1CB16B596E2C}"/>
          </ac:spMkLst>
        </pc:spChg>
        <pc:spChg chg="add mod">
          <ac:chgData name="Nikolaj Søndergaard Povlsen" userId="S::s183930@dtu.dk::a5793ce8-26ea-470c-ac9e-d1dad6426281" providerId="AD" clId="Web-{6129F362-11A9-4AEA-BC31-E8F328A9BB75}" dt="2022-04-19T20:01:09.835" v="44" actId="20577"/>
          <ac:spMkLst>
            <pc:docMk/>
            <pc:sldMk cId="4054874930" sldId="276"/>
            <ac:spMk id="11" creationId="{AD1CBE4D-991A-DC3F-E3B1-BEC588FB456D}"/>
          </ac:spMkLst>
        </pc:spChg>
        <pc:picChg chg="mod">
          <ac:chgData name="Nikolaj Søndergaard Povlsen" userId="S::s183930@dtu.dk::a5793ce8-26ea-470c-ac9e-d1dad6426281" providerId="AD" clId="Web-{6129F362-11A9-4AEA-BC31-E8F328A9BB75}" dt="2022-04-19T20:33:22.723" v="324" actId="1076"/>
          <ac:picMkLst>
            <pc:docMk/>
            <pc:sldMk cId="4054874930" sldId="276"/>
            <ac:picMk id="9" creationId="{4A15FF7A-8945-6BDF-1BBD-6AC570A348F3}"/>
          </ac:picMkLst>
        </pc:picChg>
        <pc:picChg chg="mod modCrop">
          <ac:chgData name="Nikolaj Søndergaard Povlsen" userId="S::s183930@dtu.dk::a5793ce8-26ea-470c-ac9e-d1dad6426281" providerId="AD" clId="Web-{6129F362-11A9-4AEA-BC31-E8F328A9BB75}" dt="2022-04-19T19:59:04.097" v="12" actId="1076"/>
          <ac:picMkLst>
            <pc:docMk/>
            <pc:sldMk cId="4054874930" sldId="276"/>
            <ac:picMk id="12" creationId="{29F4F43B-1EE0-C832-783C-C9ED821BC8EC}"/>
          </ac:picMkLst>
        </pc:picChg>
        <pc:picChg chg="add del">
          <ac:chgData name="Nikolaj Søndergaard Povlsen" userId="S::s183930@dtu.dk::a5793ce8-26ea-470c-ac9e-d1dad6426281" providerId="AD" clId="Web-{6129F362-11A9-4AEA-BC31-E8F328A9BB75}" dt="2022-04-19T19:58:24.705" v="3"/>
          <ac:picMkLst>
            <pc:docMk/>
            <pc:sldMk cId="4054874930" sldId="276"/>
            <ac:picMk id="14" creationId="{62583DE5-FDBB-97E1-65D8-609704EC0D3F}"/>
          </ac:picMkLst>
        </pc:picChg>
      </pc:sldChg>
      <pc:sldChg chg="add del replId">
        <pc:chgData name="Nikolaj Søndergaard Povlsen" userId="S::s183930@dtu.dk::a5793ce8-26ea-470c-ac9e-d1dad6426281" providerId="AD" clId="Web-{6129F362-11A9-4AEA-BC31-E8F328A9BB75}" dt="2022-04-19T20:31:26.423" v="305"/>
        <pc:sldMkLst>
          <pc:docMk/>
          <pc:sldMk cId="911315072" sldId="277"/>
        </pc:sldMkLst>
      </pc:sldChg>
      <pc:sldChg chg="addSp modSp">
        <pc:chgData name="Nikolaj Søndergaard Povlsen" userId="S::s183930@dtu.dk::a5793ce8-26ea-470c-ac9e-d1dad6426281" providerId="AD" clId="Web-{6129F362-11A9-4AEA-BC31-E8F328A9BB75}" dt="2022-04-19T20:46:31.215" v="437" actId="20577"/>
        <pc:sldMkLst>
          <pc:docMk/>
          <pc:sldMk cId="1850069806" sldId="277"/>
        </pc:sldMkLst>
        <pc:spChg chg="mod">
          <ac:chgData name="Nikolaj Søndergaard Povlsen" userId="S::s183930@dtu.dk::a5793ce8-26ea-470c-ac9e-d1dad6426281" providerId="AD" clId="Web-{6129F362-11A9-4AEA-BC31-E8F328A9BB75}" dt="2022-04-19T20:46:31.215" v="437" actId="20577"/>
          <ac:spMkLst>
            <pc:docMk/>
            <pc:sldMk cId="1850069806" sldId="277"/>
            <ac:spMk id="2" creationId="{455786BC-C30A-03E4-B27C-84B910AF9727}"/>
          </ac:spMkLst>
        </pc:spChg>
        <pc:spChg chg="add mod">
          <ac:chgData name="Nikolaj Søndergaard Povlsen" userId="S::s183930@dtu.dk::a5793ce8-26ea-470c-ac9e-d1dad6426281" providerId="AD" clId="Web-{6129F362-11A9-4AEA-BC31-E8F328A9BB75}" dt="2022-04-19T20:45:52.260" v="430" actId="14100"/>
          <ac:spMkLst>
            <pc:docMk/>
            <pc:sldMk cId="1850069806" sldId="277"/>
            <ac:spMk id="6" creationId="{D0ACF3F7-53B8-E33A-3C51-8F09445075F7}"/>
          </ac:spMkLst>
        </pc:spChg>
      </pc:sldChg>
      <pc:sldChg chg="add del replId">
        <pc:chgData name="Nikolaj Søndergaard Povlsen" userId="S::s183930@dtu.dk::a5793ce8-26ea-470c-ac9e-d1dad6426281" providerId="AD" clId="Web-{6129F362-11A9-4AEA-BC31-E8F328A9BB75}" dt="2022-04-19T20:31:37.580" v="307"/>
        <pc:sldMkLst>
          <pc:docMk/>
          <pc:sldMk cId="3984399708" sldId="277"/>
        </pc:sldMkLst>
      </pc:sldChg>
    </pc:docChg>
  </pc:docChgLst>
  <pc:docChgLst>
    <pc:chgData name="Steffen Holm Cordes" userId="S::s184208@dtu.dk::0c37b29c-ec4d-473a-8cfe-57f5e5d0295d" providerId="AD" clId="Web-{2FC2B0F2-EAD8-402E-BBEE-A89D0A36D81A}"/>
    <pc:docChg chg="addSld delSld modSld sldOrd">
      <pc:chgData name="Steffen Holm Cordes" userId="S::s184208@dtu.dk::0c37b29c-ec4d-473a-8cfe-57f5e5d0295d" providerId="AD" clId="Web-{2FC2B0F2-EAD8-402E-BBEE-A89D0A36D81A}" dt="2022-04-18T14:52:37.816" v="36" actId="20577"/>
      <pc:docMkLst>
        <pc:docMk/>
      </pc:docMkLst>
      <pc:sldChg chg="del">
        <pc:chgData name="Steffen Holm Cordes" userId="S::s184208@dtu.dk::0c37b29c-ec4d-473a-8cfe-57f5e5d0295d" providerId="AD" clId="Web-{2FC2B0F2-EAD8-402E-BBEE-A89D0A36D81A}" dt="2022-04-18T14:51:14.029" v="9"/>
        <pc:sldMkLst>
          <pc:docMk/>
          <pc:sldMk cId="865649173" sldId="263"/>
        </pc:sldMkLst>
      </pc:sldChg>
      <pc:sldChg chg="del">
        <pc:chgData name="Steffen Holm Cordes" userId="S::s184208@dtu.dk::0c37b29c-ec4d-473a-8cfe-57f5e5d0295d" providerId="AD" clId="Web-{2FC2B0F2-EAD8-402E-BBEE-A89D0A36D81A}" dt="2022-04-18T14:51:14.029" v="8"/>
        <pc:sldMkLst>
          <pc:docMk/>
          <pc:sldMk cId="2288632824" sldId="264"/>
        </pc:sldMkLst>
      </pc:sldChg>
      <pc:sldChg chg="del">
        <pc:chgData name="Steffen Holm Cordes" userId="S::s184208@dtu.dk::0c37b29c-ec4d-473a-8cfe-57f5e5d0295d" providerId="AD" clId="Web-{2FC2B0F2-EAD8-402E-BBEE-A89D0A36D81A}" dt="2022-04-18T14:51:14.029" v="7"/>
        <pc:sldMkLst>
          <pc:docMk/>
          <pc:sldMk cId="1268096876" sldId="265"/>
        </pc:sldMkLst>
      </pc:sldChg>
      <pc:sldChg chg="del">
        <pc:chgData name="Steffen Holm Cordes" userId="S::s184208@dtu.dk::0c37b29c-ec4d-473a-8cfe-57f5e5d0295d" providerId="AD" clId="Web-{2FC2B0F2-EAD8-402E-BBEE-A89D0A36D81A}" dt="2022-04-18T14:51:14.029" v="6"/>
        <pc:sldMkLst>
          <pc:docMk/>
          <pc:sldMk cId="2823169927" sldId="266"/>
        </pc:sldMkLst>
      </pc:sldChg>
      <pc:sldChg chg="del">
        <pc:chgData name="Steffen Holm Cordes" userId="S::s184208@dtu.dk::0c37b29c-ec4d-473a-8cfe-57f5e5d0295d" providerId="AD" clId="Web-{2FC2B0F2-EAD8-402E-BBEE-A89D0A36D81A}" dt="2022-04-18T14:51:14.029" v="5"/>
        <pc:sldMkLst>
          <pc:docMk/>
          <pc:sldMk cId="677035451" sldId="267"/>
        </pc:sldMkLst>
      </pc:sldChg>
      <pc:sldChg chg="del">
        <pc:chgData name="Steffen Holm Cordes" userId="S::s184208@dtu.dk::0c37b29c-ec4d-473a-8cfe-57f5e5d0295d" providerId="AD" clId="Web-{2FC2B0F2-EAD8-402E-BBEE-A89D0A36D81A}" dt="2022-04-18T14:51:14.029" v="4"/>
        <pc:sldMkLst>
          <pc:docMk/>
          <pc:sldMk cId="3813578844" sldId="268"/>
        </pc:sldMkLst>
      </pc:sldChg>
      <pc:sldChg chg="del">
        <pc:chgData name="Steffen Holm Cordes" userId="S::s184208@dtu.dk::0c37b29c-ec4d-473a-8cfe-57f5e5d0295d" providerId="AD" clId="Web-{2FC2B0F2-EAD8-402E-BBEE-A89D0A36D81A}" dt="2022-04-18T14:51:14.029" v="3"/>
        <pc:sldMkLst>
          <pc:docMk/>
          <pc:sldMk cId="1940603800" sldId="269"/>
        </pc:sldMkLst>
      </pc:sldChg>
      <pc:sldChg chg="del">
        <pc:chgData name="Steffen Holm Cordes" userId="S::s184208@dtu.dk::0c37b29c-ec4d-473a-8cfe-57f5e5d0295d" providerId="AD" clId="Web-{2FC2B0F2-EAD8-402E-BBEE-A89D0A36D81A}" dt="2022-04-18T14:51:14.029" v="2"/>
        <pc:sldMkLst>
          <pc:docMk/>
          <pc:sldMk cId="717528752" sldId="270"/>
        </pc:sldMkLst>
      </pc:sldChg>
      <pc:sldChg chg="modSp new ord">
        <pc:chgData name="Steffen Holm Cordes" userId="S::s184208@dtu.dk::0c37b29c-ec4d-473a-8cfe-57f5e5d0295d" providerId="AD" clId="Web-{2FC2B0F2-EAD8-402E-BBEE-A89D0A36D81A}" dt="2022-04-18T14:51:28.718" v="18" actId="20577"/>
        <pc:sldMkLst>
          <pc:docMk/>
          <pc:sldMk cId="2649058701" sldId="271"/>
        </pc:sldMkLst>
        <pc:spChg chg="mod">
          <ac:chgData name="Steffen Holm Cordes" userId="S::s184208@dtu.dk::0c37b29c-ec4d-473a-8cfe-57f5e5d0295d" providerId="AD" clId="Web-{2FC2B0F2-EAD8-402E-BBEE-A89D0A36D81A}" dt="2022-04-18T14:51:28.718" v="18" actId="20577"/>
          <ac:spMkLst>
            <pc:docMk/>
            <pc:sldMk cId="2649058701" sldId="271"/>
            <ac:spMk id="2" creationId="{455786BC-C30A-03E4-B27C-84B910AF9727}"/>
          </ac:spMkLst>
        </pc:spChg>
      </pc:sldChg>
      <pc:sldChg chg="modSp new del">
        <pc:chgData name="Steffen Holm Cordes" userId="S::s184208@dtu.dk::0c37b29c-ec4d-473a-8cfe-57f5e5d0295d" providerId="AD" clId="Web-{2FC2B0F2-EAD8-402E-BBEE-A89D0A36D81A}" dt="2022-04-18T14:51:58.720" v="26"/>
        <pc:sldMkLst>
          <pc:docMk/>
          <pc:sldMk cId="2351186134" sldId="272"/>
        </pc:sldMkLst>
        <pc:spChg chg="mod">
          <ac:chgData name="Steffen Holm Cordes" userId="S::s184208@dtu.dk::0c37b29c-ec4d-473a-8cfe-57f5e5d0295d" providerId="AD" clId="Web-{2FC2B0F2-EAD8-402E-BBEE-A89D0A36D81A}" dt="2022-04-18T14:51:58.079" v="25" actId="20577"/>
          <ac:spMkLst>
            <pc:docMk/>
            <pc:sldMk cId="2351186134" sldId="272"/>
            <ac:spMk id="2" creationId="{857B7DAE-4362-DBED-0BAE-4A9601CA1502}"/>
          </ac:spMkLst>
        </pc:spChg>
      </pc:sldChg>
      <pc:sldChg chg="modSp add replId">
        <pc:chgData name="Steffen Holm Cordes" userId="S::s184208@dtu.dk::0c37b29c-ec4d-473a-8cfe-57f5e5d0295d" providerId="AD" clId="Web-{2FC2B0F2-EAD8-402E-BBEE-A89D0A36D81A}" dt="2022-04-18T14:52:12.736" v="31" actId="20577"/>
        <pc:sldMkLst>
          <pc:docMk/>
          <pc:sldMk cId="2476560604" sldId="272"/>
        </pc:sldMkLst>
        <pc:spChg chg="mod">
          <ac:chgData name="Steffen Holm Cordes" userId="S::s184208@dtu.dk::0c37b29c-ec4d-473a-8cfe-57f5e5d0295d" providerId="AD" clId="Web-{2FC2B0F2-EAD8-402E-BBEE-A89D0A36D81A}" dt="2022-04-18T14:52:12.736" v="31" actId="20577"/>
          <ac:spMkLst>
            <pc:docMk/>
            <pc:sldMk cId="2476560604" sldId="272"/>
            <ac:spMk id="2" creationId="{455786BC-C30A-03E4-B27C-84B910AF9727}"/>
          </ac:spMkLst>
        </pc:spChg>
      </pc:sldChg>
      <pc:sldChg chg="modSp add replId">
        <pc:chgData name="Steffen Holm Cordes" userId="S::s184208@dtu.dk::0c37b29c-ec4d-473a-8cfe-57f5e5d0295d" providerId="AD" clId="Web-{2FC2B0F2-EAD8-402E-BBEE-A89D0A36D81A}" dt="2022-04-18T14:52:37.816" v="36" actId="20577"/>
        <pc:sldMkLst>
          <pc:docMk/>
          <pc:sldMk cId="2045981759" sldId="273"/>
        </pc:sldMkLst>
        <pc:spChg chg="mod">
          <ac:chgData name="Steffen Holm Cordes" userId="S::s184208@dtu.dk::0c37b29c-ec4d-473a-8cfe-57f5e5d0295d" providerId="AD" clId="Web-{2FC2B0F2-EAD8-402E-BBEE-A89D0A36D81A}" dt="2022-04-18T14:52:30.487" v="35" actId="20577"/>
          <ac:spMkLst>
            <pc:docMk/>
            <pc:sldMk cId="2045981759" sldId="273"/>
            <ac:spMk id="2" creationId="{455786BC-C30A-03E4-B27C-84B910AF9727}"/>
          </ac:spMkLst>
        </pc:spChg>
        <pc:spChg chg="mod">
          <ac:chgData name="Steffen Holm Cordes" userId="S::s184208@dtu.dk::0c37b29c-ec4d-473a-8cfe-57f5e5d0295d" providerId="AD" clId="Web-{2FC2B0F2-EAD8-402E-BBEE-A89D0A36D81A}" dt="2022-04-18T14:52:37.816" v="36" actId="20577"/>
          <ac:spMkLst>
            <pc:docMk/>
            <pc:sldMk cId="2045981759" sldId="273"/>
            <ac:spMk id="3" creationId="{5D80FE17-E141-BD1F-A474-32874D92E3A4}"/>
          </ac:spMkLst>
        </pc:spChg>
      </pc:sldChg>
    </pc:docChg>
  </pc:docChgLst>
  <pc:docChgLst>
    <pc:chgData name="Nikolaj Søndergaard Povlsen" userId="S::s183930@dtu.dk::a5793ce8-26ea-470c-ac9e-d1dad6426281" providerId="AD" clId="Web-{114650A2-CB69-4674-B8AA-20EA915EF6BD}"/>
    <pc:docChg chg="addSld modSld">
      <pc:chgData name="Nikolaj Søndergaard Povlsen" userId="S::s183930@dtu.dk::a5793ce8-26ea-470c-ac9e-d1dad6426281" providerId="AD" clId="Web-{114650A2-CB69-4674-B8AA-20EA915EF6BD}" dt="2022-04-19T21:07:01.794" v="266" actId="20577"/>
      <pc:docMkLst>
        <pc:docMk/>
      </pc:docMkLst>
      <pc:sldChg chg="delSp modSp new">
        <pc:chgData name="Nikolaj Søndergaard Povlsen" userId="S::s183930@dtu.dk::a5793ce8-26ea-470c-ac9e-d1dad6426281" providerId="AD" clId="Web-{114650A2-CB69-4674-B8AA-20EA915EF6BD}" dt="2022-04-19T21:07:01.794" v="266" actId="20577"/>
        <pc:sldMkLst>
          <pc:docMk/>
          <pc:sldMk cId="780493167" sldId="278"/>
        </pc:sldMkLst>
        <pc:spChg chg="mod">
          <ac:chgData name="Nikolaj Søndergaard Povlsen" userId="S::s183930@dtu.dk::a5793ce8-26ea-470c-ac9e-d1dad6426281" providerId="AD" clId="Web-{114650A2-CB69-4674-B8AA-20EA915EF6BD}" dt="2022-04-19T21:02:15.795" v="8" actId="20577"/>
          <ac:spMkLst>
            <pc:docMk/>
            <pc:sldMk cId="780493167" sldId="278"/>
            <ac:spMk id="2" creationId="{3A055904-5FB3-564E-D05F-79F70F095ACA}"/>
          </ac:spMkLst>
        </pc:spChg>
        <pc:spChg chg="mod">
          <ac:chgData name="Nikolaj Søndergaard Povlsen" userId="S::s183930@dtu.dk::a5793ce8-26ea-470c-ac9e-d1dad6426281" providerId="AD" clId="Web-{114650A2-CB69-4674-B8AA-20EA915EF6BD}" dt="2022-04-19T21:07:01.794" v="266" actId="20577"/>
          <ac:spMkLst>
            <pc:docMk/>
            <pc:sldMk cId="780493167" sldId="278"/>
            <ac:spMk id="3" creationId="{1905E509-144B-7095-EDB1-B394A193CF86}"/>
          </ac:spMkLst>
        </pc:spChg>
        <pc:spChg chg="del mod">
          <ac:chgData name="Nikolaj Søndergaard Povlsen" userId="S::s183930@dtu.dk::a5793ce8-26ea-470c-ac9e-d1dad6426281" providerId="AD" clId="Web-{114650A2-CB69-4674-B8AA-20EA915EF6BD}" dt="2022-04-19T21:02:20.185" v="10"/>
          <ac:spMkLst>
            <pc:docMk/>
            <pc:sldMk cId="780493167" sldId="278"/>
            <ac:spMk id="4" creationId="{C7CBBE10-2084-8CFE-3A5A-8DA6957FDCBA}"/>
          </ac:spMkLst>
        </pc:spChg>
      </pc:sldChg>
    </pc:docChg>
  </pc:docChgLst>
  <pc:docChgLst>
    <pc:chgData name="Nikolaj Søndergaard Povlsen" userId="S::s183930@dtu.dk::a5793ce8-26ea-470c-ac9e-d1dad6426281" providerId="AD" clId="Web-{77E87D53-6BA1-4BC4-BEC9-CBC30E3BF889}"/>
    <pc:docChg chg="modSld">
      <pc:chgData name="Nikolaj Søndergaard Povlsen" userId="S::s183930@dtu.dk::a5793ce8-26ea-470c-ac9e-d1dad6426281" providerId="AD" clId="Web-{77E87D53-6BA1-4BC4-BEC9-CBC30E3BF889}" dt="2022-04-19T15:52:39.604" v="144" actId="20577"/>
      <pc:docMkLst>
        <pc:docMk/>
      </pc:docMkLst>
      <pc:sldChg chg="modSp">
        <pc:chgData name="Nikolaj Søndergaard Povlsen" userId="S::s183930@dtu.dk::a5793ce8-26ea-470c-ac9e-d1dad6426281" providerId="AD" clId="Web-{77E87D53-6BA1-4BC4-BEC9-CBC30E3BF889}" dt="2022-04-19T15:52:39.604" v="144" actId="20577"/>
        <pc:sldMkLst>
          <pc:docMk/>
          <pc:sldMk cId="2649058701" sldId="271"/>
        </pc:sldMkLst>
        <pc:spChg chg="mod">
          <ac:chgData name="Nikolaj Søndergaard Povlsen" userId="S::s183930@dtu.dk::a5793ce8-26ea-470c-ac9e-d1dad6426281" providerId="AD" clId="Web-{77E87D53-6BA1-4BC4-BEC9-CBC30E3BF889}" dt="2022-04-19T15:52:39.604" v="144" actId="20577"/>
          <ac:spMkLst>
            <pc:docMk/>
            <pc:sldMk cId="2649058701" sldId="271"/>
            <ac:spMk id="3" creationId="{5D80FE17-E141-BD1F-A474-32874D92E3A4}"/>
          </ac:spMkLst>
        </pc:spChg>
      </pc:sldChg>
    </pc:docChg>
  </pc:docChgLst>
  <pc:docChgLst>
    <pc:chgData name="Nikolaj Søndergaard Povlsen" userId="S::s183930@dtu.dk::a5793ce8-26ea-470c-ac9e-d1dad6426281" providerId="AD" clId="Web-{15FDD215-A631-4268-898D-C6E7F4C9793D}"/>
    <pc:docChg chg="addSld modSld">
      <pc:chgData name="Nikolaj Søndergaard Povlsen" userId="S::s183930@dtu.dk::a5793ce8-26ea-470c-ac9e-d1dad6426281" providerId="AD" clId="Web-{15FDD215-A631-4268-898D-C6E7F4C9793D}" dt="2022-04-19T19:57:26.881" v="136" actId="1076"/>
      <pc:docMkLst>
        <pc:docMk/>
      </pc:docMkLst>
      <pc:sldChg chg="modSp">
        <pc:chgData name="Nikolaj Søndergaard Povlsen" userId="S::s183930@dtu.dk::a5793ce8-26ea-470c-ac9e-d1dad6426281" providerId="AD" clId="Web-{15FDD215-A631-4268-898D-C6E7F4C9793D}" dt="2022-04-19T19:37:40.410" v="2" actId="20577"/>
        <pc:sldMkLst>
          <pc:docMk/>
          <pc:sldMk cId="517025947" sldId="274"/>
        </pc:sldMkLst>
        <pc:spChg chg="mod">
          <ac:chgData name="Nikolaj Søndergaard Povlsen" userId="S::s183930@dtu.dk::a5793ce8-26ea-470c-ac9e-d1dad6426281" providerId="AD" clId="Web-{15FDD215-A631-4268-898D-C6E7F4C9793D}" dt="2022-04-19T19:37:40.410" v="2" actId="20577"/>
          <ac:spMkLst>
            <pc:docMk/>
            <pc:sldMk cId="517025947" sldId="274"/>
            <ac:spMk id="2" creationId="{FEA4291E-03BA-43CC-D3CF-E0A31AC51258}"/>
          </ac:spMkLst>
        </pc:spChg>
      </pc:sldChg>
      <pc:sldChg chg="modSp">
        <pc:chgData name="Nikolaj Søndergaard Povlsen" userId="S::s183930@dtu.dk::a5793ce8-26ea-470c-ac9e-d1dad6426281" providerId="AD" clId="Web-{15FDD215-A631-4268-898D-C6E7F4C9793D}" dt="2022-04-19T19:45:47.877" v="55" actId="20577"/>
        <pc:sldMkLst>
          <pc:docMk/>
          <pc:sldMk cId="3104400639" sldId="275"/>
        </pc:sldMkLst>
        <pc:spChg chg="mod">
          <ac:chgData name="Nikolaj Søndergaard Povlsen" userId="S::s183930@dtu.dk::a5793ce8-26ea-470c-ac9e-d1dad6426281" providerId="AD" clId="Web-{15FDD215-A631-4268-898D-C6E7F4C9793D}" dt="2022-04-19T19:45:47.877" v="55" actId="20577"/>
          <ac:spMkLst>
            <pc:docMk/>
            <pc:sldMk cId="3104400639" sldId="275"/>
            <ac:spMk id="3" creationId="{CFABE8AA-21A9-0F5F-2CB9-92C8A2261DA8}"/>
          </ac:spMkLst>
        </pc:spChg>
      </pc:sldChg>
      <pc:sldChg chg="addSp delSp modSp new">
        <pc:chgData name="Nikolaj Søndergaard Povlsen" userId="S::s183930@dtu.dk::a5793ce8-26ea-470c-ac9e-d1dad6426281" providerId="AD" clId="Web-{15FDD215-A631-4268-898D-C6E7F4C9793D}" dt="2022-04-19T19:57:26.881" v="136" actId="1076"/>
        <pc:sldMkLst>
          <pc:docMk/>
          <pc:sldMk cId="4054874930" sldId="276"/>
        </pc:sldMkLst>
        <pc:spChg chg="del">
          <ac:chgData name="Nikolaj Søndergaard Povlsen" userId="S::s183930@dtu.dk::a5793ce8-26ea-470c-ac9e-d1dad6426281" providerId="AD" clId="Web-{15FDD215-A631-4268-898D-C6E7F4C9793D}" dt="2022-04-19T19:38:34.849" v="4"/>
          <ac:spMkLst>
            <pc:docMk/>
            <pc:sldMk cId="4054874930" sldId="276"/>
            <ac:spMk id="2" creationId="{7E1B246F-0BD9-6DD3-2504-5C7950CA2BAF}"/>
          </ac:spMkLst>
        </pc:spChg>
        <pc:spChg chg="del mod">
          <ac:chgData name="Nikolaj Søndergaard Povlsen" userId="S::s183930@dtu.dk::a5793ce8-26ea-470c-ac9e-d1dad6426281" providerId="AD" clId="Web-{15FDD215-A631-4268-898D-C6E7F4C9793D}" dt="2022-04-19T19:39:00.772" v="15"/>
          <ac:spMkLst>
            <pc:docMk/>
            <pc:sldMk cId="4054874930" sldId="276"/>
            <ac:spMk id="3" creationId="{64C0A586-0722-366E-A4A9-E6EEF8F2B0D2}"/>
          </ac:spMkLst>
        </pc:spChg>
        <pc:spChg chg="add del mod">
          <ac:chgData name="Nikolaj Søndergaard Povlsen" userId="S::s183930@dtu.dk::a5793ce8-26ea-470c-ac9e-d1dad6426281" providerId="AD" clId="Web-{15FDD215-A631-4268-898D-C6E7F4C9793D}" dt="2022-04-19T19:38:53.022" v="11" actId="1076"/>
          <ac:spMkLst>
            <pc:docMk/>
            <pc:sldMk cId="4054874930" sldId="276"/>
            <ac:spMk id="6" creationId="{4052D20C-C251-5DEA-D1BE-7ED0EC9D32CA}"/>
          </ac:spMkLst>
        </pc:spChg>
        <pc:spChg chg="add mod">
          <ac:chgData name="Nikolaj Søndergaard Povlsen" userId="S::s183930@dtu.dk::a5793ce8-26ea-470c-ac9e-d1dad6426281" providerId="AD" clId="Web-{15FDD215-A631-4268-898D-C6E7F4C9793D}" dt="2022-04-19T19:56:48.411" v="128" actId="14100"/>
          <ac:spMkLst>
            <pc:docMk/>
            <pc:sldMk cId="4054874930" sldId="276"/>
            <ac:spMk id="8" creationId="{D01104E6-2F02-07B8-BF72-3F11F168735C}"/>
          </ac:spMkLst>
        </pc:spChg>
        <pc:spChg chg="add del mod">
          <ac:chgData name="Nikolaj Søndergaard Povlsen" userId="S::s183930@dtu.dk::a5793ce8-26ea-470c-ac9e-d1dad6426281" providerId="AD" clId="Web-{15FDD215-A631-4268-898D-C6E7F4C9793D}" dt="2022-04-19T19:42:07.761" v="38"/>
          <ac:spMkLst>
            <pc:docMk/>
            <pc:sldMk cId="4054874930" sldId="276"/>
            <ac:spMk id="10" creationId="{3339E865-99CA-9333-7E64-EB268DB6E944}"/>
          </ac:spMkLst>
        </pc:spChg>
        <pc:picChg chg="add mod">
          <ac:chgData name="Nikolaj Søndergaard Povlsen" userId="S::s183930@dtu.dk::a5793ce8-26ea-470c-ac9e-d1dad6426281" providerId="AD" clId="Web-{15FDD215-A631-4268-898D-C6E7F4C9793D}" dt="2022-04-19T19:55:59.925" v="121" actId="1076"/>
          <ac:picMkLst>
            <pc:docMk/>
            <pc:sldMk cId="4054874930" sldId="276"/>
            <ac:picMk id="9" creationId="{4A15FF7A-8945-6BDF-1BBD-6AC570A348F3}"/>
          </ac:picMkLst>
        </pc:picChg>
        <pc:picChg chg="add del mod">
          <ac:chgData name="Nikolaj Søndergaard Povlsen" userId="S::s183930@dtu.dk::a5793ce8-26ea-470c-ac9e-d1dad6426281" providerId="AD" clId="Web-{15FDD215-A631-4268-898D-C6E7F4C9793D}" dt="2022-04-19T19:43:50.092" v="43"/>
          <ac:picMkLst>
            <pc:docMk/>
            <pc:sldMk cId="4054874930" sldId="276"/>
            <ac:picMk id="11" creationId="{2C166537-2FA5-45B3-3A8C-3B8A8D1E2E52}"/>
          </ac:picMkLst>
        </pc:picChg>
        <pc:picChg chg="add mod modCrop">
          <ac:chgData name="Nikolaj Søndergaard Povlsen" userId="S::s183930@dtu.dk::a5793ce8-26ea-470c-ac9e-d1dad6426281" providerId="AD" clId="Web-{15FDD215-A631-4268-898D-C6E7F4C9793D}" dt="2022-04-19T19:57:26.881" v="136" actId="1076"/>
          <ac:picMkLst>
            <pc:docMk/>
            <pc:sldMk cId="4054874930" sldId="276"/>
            <ac:picMk id="12" creationId="{29F4F43B-1EE0-C832-783C-C9ED821BC8EC}"/>
          </ac:picMkLst>
        </pc:picChg>
        <pc:picChg chg="add del mod">
          <ac:chgData name="Nikolaj Søndergaard Povlsen" userId="S::s183930@dtu.dk::a5793ce8-26ea-470c-ac9e-d1dad6426281" providerId="AD" clId="Web-{15FDD215-A631-4268-898D-C6E7F4C9793D}" dt="2022-04-19T19:53:24.421" v="63"/>
          <ac:picMkLst>
            <pc:docMk/>
            <pc:sldMk cId="4054874930" sldId="276"/>
            <ac:picMk id="13" creationId="{F8A948AE-6803-851B-6A26-88510D7E852D}"/>
          </ac:picMkLst>
        </pc:picChg>
        <pc:picChg chg="add mod">
          <ac:chgData name="Nikolaj Søndergaard Povlsen" userId="S::s183930@dtu.dk::a5793ce8-26ea-470c-ac9e-d1dad6426281" providerId="AD" clId="Web-{15FDD215-A631-4268-898D-C6E7F4C9793D}" dt="2022-04-19T19:56:08.598" v="123" actId="14100"/>
          <ac:picMkLst>
            <pc:docMk/>
            <pc:sldMk cId="4054874930" sldId="276"/>
            <ac:picMk id="14" creationId="{62583DE5-FDBB-97E1-65D8-609704EC0D3F}"/>
          </ac:picMkLst>
        </pc:picChg>
      </pc:sldChg>
    </pc:docChg>
  </pc:docChgLst>
  <pc:docChgLst>
    <pc:chgData name="Johan Fredrik Bjørnland" userId="S::s217176@dtu.dk::4c886694-abfa-4d6c-9084-8cd2d2f87505" providerId="AD" clId="Web-{0DA451F4-0490-45AB-84DA-F198983DADE2}"/>
    <pc:docChg chg="modSld">
      <pc:chgData name="Johan Fredrik Bjørnland" userId="S::s217176@dtu.dk::4c886694-abfa-4d6c-9084-8cd2d2f87505" providerId="AD" clId="Web-{0DA451F4-0490-45AB-84DA-F198983DADE2}" dt="2022-04-19T16:16:33.394" v="2" actId="20577"/>
      <pc:docMkLst>
        <pc:docMk/>
      </pc:docMkLst>
      <pc:sldChg chg="modSp">
        <pc:chgData name="Johan Fredrik Bjørnland" userId="S::s217176@dtu.dk::4c886694-abfa-4d6c-9084-8cd2d2f87505" providerId="AD" clId="Web-{0DA451F4-0490-45AB-84DA-F198983DADE2}" dt="2022-04-19T16:16:33.394" v="2" actId="20577"/>
        <pc:sldMkLst>
          <pc:docMk/>
          <pc:sldMk cId="2045981759" sldId="273"/>
        </pc:sldMkLst>
        <pc:spChg chg="mod">
          <ac:chgData name="Johan Fredrik Bjørnland" userId="S::s217176@dtu.dk::4c886694-abfa-4d6c-9084-8cd2d2f87505" providerId="AD" clId="Web-{0DA451F4-0490-45AB-84DA-F198983DADE2}" dt="2022-04-19T16:16:33.394" v="2" actId="20577"/>
          <ac:spMkLst>
            <pc:docMk/>
            <pc:sldMk cId="2045981759" sldId="273"/>
            <ac:spMk id="3" creationId="{5D80FE17-E141-BD1F-A474-32874D92E3A4}"/>
          </ac:spMkLst>
        </pc:spChg>
      </pc:sldChg>
    </pc:docChg>
  </pc:docChgLst>
  <pc:docChgLst>
    <pc:chgData name="Steffen Holm Cordes" userId="S::s184208@dtu.dk::0c37b29c-ec4d-473a-8cfe-57f5e5d0295d" providerId="AD" clId="Web-{B482C0ED-3DD8-4226-B9E0-067FCF69377A}"/>
    <pc:docChg chg="modSld">
      <pc:chgData name="Steffen Holm Cordes" userId="S::s184208@dtu.dk::0c37b29c-ec4d-473a-8cfe-57f5e5d0295d" providerId="AD" clId="Web-{B482C0ED-3DD8-4226-B9E0-067FCF69377A}" dt="2022-04-19T12:51:56.274" v="70" actId="20577"/>
      <pc:docMkLst>
        <pc:docMk/>
      </pc:docMkLst>
      <pc:sldChg chg="modSp">
        <pc:chgData name="Steffen Holm Cordes" userId="S::s184208@dtu.dk::0c37b29c-ec4d-473a-8cfe-57f5e5d0295d" providerId="AD" clId="Web-{B482C0ED-3DD8-4226-B9E0-067FCF69377A}" dt="2022-04-19T12:51:56.274" v="70" actId="20577"/>
        <pc:sldMkLst>
          <pc:docMk/>
          <pc:sldMk cId="2649058701" sldId="271"/>
        </pc:sldMkLst>
        <pc:spChg chg="mod">
          <ac:chgData name="Steffen Holm Cordes" userId="S::s184208@dtu.dk::0c37b29c-ec4d-473a-8cfe-57f5e5d0295d" providerId="AD" clId="Web-{B482C0ED-3DD8-4226-B9E0-067FCF69377A}" dt="2022-04-19T12:51:56.274" v="70" actId="20577"/>
          <ac:spMkLst>
            <pc:docMk/>
            <pc:sldMk cId="2649058701" sldId="271"/>
            <ac:spMk id="3" creationId="{5D80FE17-E141-BD1F-A474-32874D92E3A4}"/>
          </ac:spMkLst>
        </pc:spChg>
      </pc:sldChg>
    </pc:docChg>
  </pc:docChgLst>
  <pc:docChgLst>
    <pc:chgData name="Nikolaj Søndergaard Povlsen" userId="S::s183930@dtu.dk::a5793ce8-26ea-470c-ac9e-d1dad6426281" providerId="AD" clId="Web-{0BB25309-8A49-4488-B011-FDD4755095A8}"/>
    <pc:docChg chg="addSld modSld">
      <pc:chgData name="Nikolaj Søndergaard Povlsen" userId="S::s183930@dtu.dk::a5793ce8-26ea-470c-ac9e-d1dad6426281" providerId="AD" clId="Web-{0BB25309-8A49-4488-B011-FDD4755095A8}" dt="2022-04-19T19:23:07.829" v="1000" actId="20577"/>
      <pc:docMkLst>
        <pc:docMk/>
      </pc:docMkLst>
      <pc:sldChg chg="addSp delSp modSp">
        <pc:chgData name="Nikolaj Søndergaard Povlsen" userId="S::s183930@dtu.dk::a5793ce8-26ea-470c-ac9e-d1dad6426281" providerId="AD" clId="Web-{0BB25309-8A49-4488-B011-FDD4755095A8}" dt="2022-04-19T19:21:19.826" v="962" actId="14100"/>
        <pc:sldMkLst>
          <pc:docMk/>
          <pc:sldMk cId="2649058701" sldId="271"/>
        </pc:sldMkLst>
        <pc:spChg chg="mod">
          <ac:chgData name="Nikolaj Søndergaard Povlsen" userId="S::s183930@dtu.dk::a5793ce8-26ea-470c-ac9e-d1dad6426281" providerId="AD" clId="Web-{0BB25309-8A49-4488-B011-FDD4755095A8}" dt="2022-04-19T19:21:19.826" v="962" actId="14100"/>
          <ac:spMkLst>
            <pc:docMk/>
            <pc:sldMk cId="2649058701" sldId="271"/>
            <ac:spMk id="3" creationId="{5D80FE17-E141-BD1F-A474-32874D92E3A4}"/>
          </ac:spMkLst>
        </pc:spChg>
        <pc:spChg chg="mod">
          <ac:chgData name="Nikolaj Søndergaard Povlsen" userId="S::s183930@dtu.dk::a5793ce8-26ea-470c-ac9e-d1dad6426281" providerId="AD" clId="Web-{0BB25309-8A49-4488-B011-FDD4755095A8}" dt="2022-04-19T19:16:06.599" v="729" actId="20577"/>
          <ac:spMkLst>
            <pc:docMk/>
            <pc:sldMk cId="2649058701" sldId="271"/>
            <ac:spMk id="5" creationId="{D5EF9C04-7EBF-B5E2-BE2B-684A60644916}"/>
          </ac:spMkLst>
        </pc:spChg>
        <pc:spChg chg="add del">
          <ac:chgData name="Nikolaj Søndergaard Povlsen" userId="S::s183930@dtu.dk::a5793ce8-26ea-470c-ac9e-d1dad6426281" providerId="AD" clId="Web-{0BB25309-8A49-4488-B011-FDD4755095A8}" dt="2022-04-19T18:55:48.411" v="9"/>
          <ac:spMkLst>
            <pc:docMk/>
            <pc:sldMk cId="2649058701" sldId="271"/>
            <ac:spMk id="6" creationId="{8F05CA7A-A3CA-3632-25FE-915D2AEB7158}"/>
          </ac:spMkLst>
        </pc:spChg>
      </pc:sldChg>
      <pc:sldChg chg="addSp modSp new">
        <pc:chgData name="Nikolaj Søndergaard Povlsen" userId="S::s183930@dtu.dk::a5793ce8-26ea-470c-ac9e-d1dad6426281" providerId="AD" clId="Web-{0BB25309-8A49-4488-B011-FDD4755095A8}" dt="2022-04-19T19:23:07.829" v="1000" actId="20577"/>
        <pc:sldMkLst>
          <pc:docMk/>
          <pc:sldMk cId="517025947" sldId="274"/>
        </pc:sldMkLst>
        <pc:spChg chg="mod">
          <ac:chgData name="Nikolaj Søndergaard Povlsen" userId="S::s183930@dtu.dk::a5793ce8-26ea-470c-ac9e-d1dad6426281" providerId="AD" clId="Web-{0BB25309-8A49-4488-B011-FDD4755095A8}" dt="2022-04-19T19:08:17.134" v="394" actId="20577"/>
          <ac:spMkLst>
            <pc:docMk/>
            <pc:sldMk cId="517025947" sldId="274"/>
            <ac:spMk id="2" creationId="{FEA4291E-03BA-43CC-D3CF-E0A31AC51258}"/>
          </ac:spMkLst>
        </pc:spChg>
        <pc:spChg chg="mod">
          <ac:chgData name="Nikolaj Søndergaard Povlsen" userId="S::s183930@dtu.dk::a5793ce8-26ea-470c-ac9e-d1dad6426281" providerId="AD" clId="Web-{0BB25309-8A49-4488-B011-FDD4755095A8}" dt="2022-04-19T19:12:03.765" v="471" actId="20577"/>
          <ac:spMkLst>
            <pc:docMk/>
            <pc:sldMk cId="517025947" sldId="274"/>
            <ac:spMk id="3" creationId="{89F0E51C-5E19-2675-C445-016A78E216EF}"/>
          </ac:spMkLst>
        </pc:spChg>
        <pc:spChg chg="add mod">
          <ac:chgData name="Nikolaj Søndergaard Povlsen" userId="S::s183930@dtu.dk::a5793ce8-26ea-470c-ac9e-d1dad6426281" providerId="AD" clId="Web-{0BB25309-8A49-4488-B011-FDD4755095A8}" dt="2022-04-19T19:12:46.156" v="500" actId="14100"/>
          <ac:spMkLst>
            <pc:docMk/>
            <pc:sldMk cId="517025947" sldId="274"/>
            <ac:spMk id="6" creationId="{0ACD5A7B-1CA9-FB1E-E41E-D2D228E265E9}"/>
          </ac:spMkLst>
        </pc:spChg>
        <pc:spChg chg="add mod">
          <ac:chgData name="Nikolaj Søndergaard Povlsen" userId="S::s183930@dtu.dk::a5793ce8-26ea-470c-ac9e-d1dad6426281" providerId="AD" clId="Web-{0BB25309-8A49-4488-B011-FDD4755095A8}" dt="2022-04-19T19:23:07.829" v="1000" actId="20577"/>
          <ac:spMkLst>
            <pc:docMk/>
            <pc:sldMk cId="517025947" sldId="274"/>
            <ac:spMk id="8" creationId="{D0AE7DA2-B038-3589-EF6D-15A0558C1627}"/>
          </ac:spMkLst>
        </pc:spChg>
      </pc:sldChg>
      <pc:sldChg chg="modSp new">
        <pc:chgData name="Nikolaj Søndergaard Povlsen" userId="S::s183930@dtu.dk::a5793ce8-26ea-470c-ac9e-d1dad6426281" providerId="AD" clId="Web-{0BB25309-8A49-4488-B011-FDD4755095A8}" dt="2022-04-19T19:12:08.202" v="474" actId="20577"/>
        <pc:sldMkLst>
          <pc:docMk/>
          <pc:sldMk cId="3104400639" sldId="275"/>
        </pc:sldMkLst>
        <pc:spChg chg="mod">
          <ac:chgData name="Nikolaj Søndergaard Povlsen" userId="S::s183930@dtu.dk::a5793ce8-26ea-470c-ac9e-d1dad6426281" providerId="AD" clId="Web-{0BB25309-8A49-4488-B011-FDD4755095A8}" dt="2022-04-19T19:12:08.202" v="474" actId="20577"/>
          <ac:spMkLst>
            <pc:docMk/>
            <pc:sldMk cId="3104400639" sldId="275"/>
            <ac:spMk id="3" creationId="{CFABE8AA-21A9-0F5F-2CB9-92C8A2261DA8}"/>
          </ac:spMkLst>
        </pc:spChg>
      </pc:sldChg>
    </pc:docChg>
  </pc:docChgLst>
  <pc:docChgLst>
    <pc:chgData name="Steffen Holm Cordes" userId="S::s184208@dtu.dk::0c37b29c-ec4d-473a-8cfe-57f5e5d0295d" providerId="AD" clId="Web-{2E284E65-132F-4849-B38C-126790522C8B}"/>
    <pc:docChg chg="modSld">
      <pc:chgData name="Steffen Holm Cordes" userId="S::s184208@dtu.dk::0c37b29c-ec4d-473a-8cfe-57f5e5d0295d" providerId="AD" clId="Web-{2E284E65-132F-4849-B38C-126790522C8B}" dt="2022-04-19T12:46:49.283" v="10" actId="20577"/>
      <pc:docMkLst>
        <pc:docMk/>
      </pc:docMkLst>
      <pc:sldChg chg="modSp">
        <pc:chgData name="Steffen Holm Cordes" userId="S::s184208@dtu.dk::0c37b29c-ec4d-473a-8cfe-57f5e5d0295d" providerId="AD" clId="Web-{2E284E65-132F-4849-B38C-126790522C8B}" dt="2022-04-19T12:46:49.283" v="10" actId="20577"/>
        <pc:sldMkLst>
          <pc:docMk/>
          <pc:sldMk cId="2649058701" sldId="271"/>
        </pc:sldMkLst>
        <pc:spChg chg="mod">
          <ac:chgData name="Steffen Holm Cordes" userId="S::s184208@dtu.dk::0c37b29c-ec4d-473a-8cfe-57f5e5d0295d" providerId="AD" clId="Web-{2E284E65-132F-4849-B38C-126790522C8B}" dt="2022-04-19T12:46:49.283" v="10" actId="20577"/>
          <ac:spMkLst>
            <pc:docMk/>
            <pc:sldMk cId="2649058701" sldId="271"/>
            <ac:spMk id="3" creationId="{5D80FE17-E141-BD1F-A474-32874D92E3A4}"/>
          </ac:spMkLst>
        </pc:spChg>
      </pc:sldChg>
    </pc:docChg>
  </pc:docChgLst>
  <pc:docChgLst>
    <pc:chgData name="Steffen Holm Cordes" userId="S::s184208@dtu.dk::0c37b29c-ec4d-473a-8cfe-57f5e5d0295d" providerId="AD" clId="Web-{DCF58901-49C9-4497-BB96-9AF38858515F}"/>
    <pc:docChg chg="modSld">
      <pc:chgData name="Steffen Holm Cordes" userId="S::s184208@dtu.dk::0c37b29c-ec4d-473a-8cfe-57f5e5d0295d" providerId="AD" clId="Web-{DCF58901-49C9-4497-BB96-9AF38858515F}" dt="2022-04-19T14:07:42.079" v="6" actId="20577"/>
      <pc:docMkLst>
        <pc:docMk/>
      </pc:docMkLst>
      <pc:sldChg chg="modSp">
        <pc:chgData name="Steffen Holm Cordes" userId="S::s184208@dtu.dk::0c37b29c-ec4d-473a-8cfe-57f5e5d0295d" providerId="AD" clId="Web-{DCF58901-49C9-4497-BB96-9AF38858515F}" dt="2022-04-19T14:07:42.079" v="6" actId="20577"/>
        <pc:sldMkLst>
          <pc:docMk/>
          <pc:sldMk cId="2649058701" sldId="271"/>
        </pc:sldMkLst>
        <pc:spChg chg="mod">
          <ac:chgData name="Steffen Holm Cordes" userId="S::s184208@dtu.dk::0c37b29c-ec4d-473a-8cfe-57f5e5d0295d" providerId="AD" clId="Web-{DCF58901-49C9-4497-BB96-9AF38858515F}" dt="2022-04-19T14:07:42.079" v="6" actId="20577"/>
          <ac:spMkLst>
            <pc:docMk/>
            <pc:sldMk cId="2649058701" sldId="271"/>
            <ac:spMk id="3" creationId="{5D80FE17-E141-BD1F-A474-32874D92E3A4}"/>
          </ac:spMkLst>
        </pc:spChg>
      </pc:sldChg>
    </pc:docChg>
  </pc:docChgLst>
  <pc:docChgLst>
    <pc:chgData name="Steffen Holm Cordes" userId="S::s184208@dtu.dk::0c37b29c-ec4d-473a-8cfe-57f5e5d0295d" providerId="AD" clId="Web-{D16EB31F-B0D2-4456-8322-5A7AE901943A}"/>
    <pc:docChg chg="modSld">
      <pc:chgData name="Steffen Holm Cordes" userId="S::s184208@dtu.dk::0c37b29c-ec4d-473a-8cfe-57f5e5d0295d" providerId="AD" clId="Web-{D16EB31F-B0D2-4456-8322-5A7AE901943A}" dt="2022-04-18T14:58:10.181" v="292" actId="20577"/>
      <pc:docMkLst>
        <pc:docMk/>
      </pc:docMkLst>
      <pc:sldChg chg="modSp">
        <pc:chgData name="Steffen Holm Cordes" userId="S::s184208@dtu.dk::0c37b29c-ec4d-473a-8cfe-57f5e5d0295d" providerId="AD" clId="Web-{D16EB31F-B0D2-4456-8322-5A7AE901943A}" dt="2022-04-18T14:55:37.864" v="121" actId="20577"/>
        <pc:sldMkLst>
          <pc:docMk/>
          <pc:sldMk cId="2649058701" sldId="271"/>
        </pc:sldMkLst>
        <pc:spChg chg="mod">
          <ac:chgData name="Steffen Holm Cordes" userId="S::s184208@dtu.dk::0c37b29c-ec4d-473a-8cfe-57f5e5d0295d" providerId="AD" clId="Web-{D16EB31F-B0D2-4456-8322-5A7AE901943A}" dt="2022-04-18T14:55:37.864" v="121" actId="20577"/>
          <ac:spMkLst>
            <pc:docMk/>
            <pc:sldMk cId="2649058701" sldId="271"/>
            <ac:spMk id="3" creationId="{5D80FE17-E141-BD1F-A474-32874D92E3A4}"/>
          </ac:spMkLst>
        </pc:spChg>
      </pc:sldChg>
      <pc:sldChg chg="modSp">
        <pc:chgData name="Steffen Holm Cordes" userId="S::s184208@dtu.dk::0c37b29c-ec4d-473a-8cfe-57f5e5d0295d" providerId="AD" clId="Web-{D16EB31F-B0D2-4456-8322-5A7AE901943A}" dt="2022-04-18T14:58:10.181" v="292" actId="20577"/>
        <pc:sldMkLst>
          <pc:docMk/>
          <pc:sldMk cId="2476560604" sldId="272"/>
        </pc:sldMkLst>
        <pc:spChg chg="mod">
          <ac:chgData name="Steffen Holm Cordes" userId="S::s184208@dtu.dk::0c37b29c-ec4d-473a-8cfe-57f5e5d0295d" providerId="AD" clId="Web-{D16EB31F-B0D2-4456-8322-5A7AE901943A}" dt="2022-04-18T14:58:10.181" v="292" actId="20577"/>
          <ac:spMkLst>
            <pc:docMk/>
            <pc:sldMk cId="2476560604" sldId="272"/>
            <ac:spMk id="3" creationId="{5D80FE17-E141-BD1F-A474-32874D92E3A4}"/>
          </ac:spMkLst>
        </pc:spChg>
      </pc:sldChg>
    </pc:docChg>
  </pc:docChgLst>
  <pc:docChgLst>
    <pc:chgData name="Nikolaj Søndergaard Povlsen" userId="S::s183930@dtu.dk::a5793ce8-26ea-470c-ac9e-d1dad6426281" providerId="AD" clId="Web-{E2F1D1DE-42DA-4659-BBB5-675F591A0AB4}"/>
    <pc:docChg chg="modSld">
      <pc:chgData name="Nikolaj Søndergaard Povlsen" userId="S::s183930@dtu.dk::a5793ce8-26ea-470c-ac9e-d1dad6426281" providerId="AD" clId="Web-{E2F1D1DE-42DA-4659-BBB5-675F591A0AB4}" dt="2022-04-19T18:39:07.637" v="1318" actId="20577"/>
      <pc:docMkLst>
        <pc:docMk/>
      </pc:docMkLst>
      <pc:sldChg chg="addSp modSp">
        <pc:chgData name="Nikolaj Søndergaard Povlsen" userId="S::s183930@dtu.dk::a5793ce8-26ea-470c-ac9e-d1dad6426281" providerId="AD" clId="Web-{E2F1D1DE-42DA-4659-BBB5-675F591A0AB4}" dt="2022-04-19T18:39:07.637" v="1318" actId="20577"/>
        <pc:sldMkLst>
          <pc:docMk/>
          <pc:sldMk cId="2649058701" sldId="271"/>
        </pc:sldMkLst>
        <pc:spChg chg="mod">
          <ac:chgData name="Nikolaj Søndergaard Povlsen" userId="S::s183930@dtu.dk::a5793ce8-26ea-470c-ac9e-d1dad6426281" providerId="AD" clId="Web-{E2F1D1DE-42DA-4659-BBB5-675F591A0AB4}" dt="2022-04-19T18:22:46.838" v="816" actId="20577"/>
          <ac:spMkLst>
            <pc:docMk/>
            <pc:sldMk cId="2649058701" sldId="271"/>
            <ac:spMk id="2" creationId="{455786BC-C30A-03E4-B27C-84B910AF9727}"/>
          </ac:spMkLst>
        </pc:spChg>
        <pc:spChg chg="mod">
          <ac:chgData name="Nikolaj Søndergaard Povlsen" userId="S::s183930@dtu.dk::a5793ce8-26ea-470c-ac9e-d1dad6426281" providerId="AD" clId="Web-{E2F1D1DE-42DA-4659-BBB5-675F591A0AB4}" dt="2022-04-19T18:39:07.637" v="1318" actId="20577"/>
          <ac:spMkLst>
            <pc:docMk/>
            <pc:sldMk cId="2649058701" sldId="271"/>
            <ac:spMk id="3" creationId="{5D80FE17-E141-BD1F-A474-32874D92E3A4}"/>
          </ac:spMkLst>
        </pc:spChg>
        <pc:spChg chg="add mod">
          <ac:chgData name="Nikolaj Søndergaard Povlsen" userId="S::s183930@dtu.dk::a5793ce8-26ea-470c-ac9e-d1dad6426281" providerId="AD" clId="Web-{E2F1D1DE-42DA-4659-BBB5-675F591A0AB4}" dt="2022-04-19T18:34:07.892" v="1086" actId="20577"/>
          <ac:spMkLst>
            <pc:docMk/>
            <pc:sldMk cId="2649058701" sldId="271"/>
            <ac:spMk id="5" creationId="{D5EF9C04-7EBF-B5E2-BE2B-684A60644916}"/>
          </ac:spMkLst>
        </pc:spChg>
      </pc:sldChg>
      <pc:sldChg chg="modSp">
        <pc:chgData name="Nikolaj Søndergaard Povlsen" userId="S::s183930@dtu.dk::a5793ce8-26ea-470c-ac9e-d1dad6426281" providerId="AD" clId="Web-{E2F1D1DE-42DA-4659-BBB5-675F591A0AB4}" dt="2022-04-19T18:06:22.821" v="373" actId="20577"/>
        <pc:sldMkLst>
          <pc:docMk/>
          <pc:sldMk cId="2476560604" sldId="272"/>
        </pc:sldMkLst>
        <pc:spChg chg="mod">
          <ac:chgData name="Nikolaj Søndergaard Povlsen" userId="S::s183930@dtu.dk::a5793ce8-26ea-470c-ac9e-d1dad6426281" providerId="AD" clId="Web-{E2F1D1DE-42DA-4659-BBB5-675F591A0AB4}" dt="2022-04-19T18:06:22.821" v="373" actId="20577"/>
          <ac:spMkLst>
            <pc:docMk/>
            <pc:sldMk cId="2476560604" sldId="272"/>
            <ac:spMk id="3" creationId="{5D80FE17-E141-BD1F-A474-32874D92E3A4}"/>
          </ac:spMkLst>
        </pc:spChg>
      </pc:sldChg>
    </pc:docChg>
  </pc:docChgLst>
  <pc:docChgLst>
    <pc:chgData name="Steffen Holm Cordes" userId="S::s184208@dtu.dk::0c37b29c-ec4d-473a-8cfe-57f5e5d0295d" providerId="AD" clId="Web-{7C1D2644-2775-4DBF-B964-DAB9836B8848}"/>
    <pc:docChg chg="modSld">
      <pc:chgData name="Steffen Holm Cordes" userId="S::s184208@dtu.dk::0c37b29c-ec4d-473a-8cfe-57f5e5d0295d" providerId="AD" clId="Web-{7C1D2644-2775-4DBF-B964-DAB9836B8848}" dt="2022-04-19T21:03:08.231" v="1" actId="20577"/>
      <pc:docMkLst>
        <pc:docMk/>
      </pc:docMkLst>
      <pc:sldChg chg="modSp">
        <pc:chgData name="Steffen Holm Cordes" userId="S::s184208@dtu.dk::0c37b29c-ec4d-473a-8cfe-57f5e5d0295d" providerId="AD" clId="Web-{7C1D2644-2775-4DBF-B964-DAB9836B8848}" dt="2022-04-19T21:03:08.231" v="1" actId="20577"/>
        <pc:sldMkLst>
          <pc:docMk/>
          <pc:sldMk cId="780493167" sldId="278"/>
        </pc:sldMkLst>
        <pc:spChg chg="mod">
          <ac:chgData name="Steffen Holm Cordes" userId="S::s184208@dtu.dk::0c37b29c-ec4d-473a-8cfe-57f5e5d0295d" providerId="AD" clId="Web-{7C1D2644-2775-4DBF-B964-DAB9836B8848}" dt="2022-04-19T21:03:08.231" v="1" actId="20577"/>
          <ac:spMkLst>
            <pc:docMk/>
            <pc:sldMk cId="780493167" sldId="278"/>
            <ac:spMk id="2" creationId="{3A055904-5FB3-564E-D05F-79F70F095ACA}"/>
          </ac:spMkLst>
        </pc:spChg>
      </pc:sldChg>
    </pc:docChg>
  </pc:docChgLst>
  <pc:docChgLst>
    <pc:chgData name="Steffen Holm Cordes" userId="S::s184208@dtu.dk::0c37b29c-ec4d-473a-8cfe-57f5e5d0295d" providerId="AD" clId="Web-{96D55374-6BB1-443C-B620-1EB82B948FBB}"/>
    <pc:docChg chg="modSld">
      <pc:chgData name="Steffen Holm Cordes" userId="S::s184208@dtu.dk::0c37b29c-ec4d-473a-8cfe-57f5e5d0295d" providerId="AD" clId="Web-{96D55374-6BB1-443C-B620-1EB82B948FBB}" dt="2022-04-19T19:47:44.395" v="423" actId="20577"/>
      <pc:docMkLst>
        <pc:docMk/>
      </pc:docMkLst>
      <pc:sldChg chg="modSp">
        <pc:chgData name="Steffen Holm Cordes" userId="S::s184208@dtu.dk::0c37b29c-ec4d-473a-8cfe-57f5e5d0295d" providerId="AD" clId="Web-{96D55374-6BB1-443C-B620-1EB82B948FBB}" dt="2022-04-19T18:52:22.135" v="11" actId="1076"/>
        <pc:sldMkLst>
          <pc:docMk/>
          <pc:sldMk cId="2649058701" sldId="271"/>
        </pc:sldMkLst>
        <pc:spChg chg="mod">
          <ac:chgData name="Steffen Holm Cordes" userId="S::s184208@dtu.dk::0c37b29c-ec4d-473a-8cfe-57f5e5d0295d" providerId="AD" clId="Web-{96D55374-6BB1-443C-B620-1EB82B948FBB}" dt="2022-04-19T18:52:09.025" v="10" actId="20577"/>
          <ac:spMkLst>
            <pc:docMk/>
            <pc:sldMk cId="2649058701" sldId="271"/>
            <ac:spMk id="3" creationId="{5D80FE17-E141-BD1F-A474-32874D92E3A4}"/>
          </ac:spMkLst>
        </pc:spChg>
        <pc:spChg chg="mod">
          <ac:chgData name="Steffen Holm Cordes" userId="S::s184208@dtu.dk::0c37b29c-ec4d-473a-8cfe-57f5e5d0295d" providerId="AD" clId="Web-{96D55374-6BB1-443C-B620-1EB82B948FBB}" dt="2022-04-19T18:52:22.135" v="11" actId="1076"/>
          <ac:spMkLst>
            <pc:docMk/>
            <pc:sldMk cId="2649058701" sldId="271"/>
            <ac:spMk id="5" creationId="{D5EF9C04-7EBF-B5E2-BE2B-684A60644916}"/>
          </ac:spMkLst>
        </pc:spChg>
      </pc:sldChg>
      <pc:sldChg chg="modSp">
        <pc:chgData name="Steffen Holm Cordes" userId="S::s184208@dtu.dk::0c37b29c-ec4d-473a-8cfe-57f5e5d0295d" providerId="AD" clId="Web-{96D55374-6BB1-443C-B620-1EB82B948FBB}" dt="2022-04-19T19:32:34.355" v="209" actId="20577"/>
        <pc:sldMkLst>
          <pc:docMk/>
          <pc:sldMk cId="2476560604" sldId="272"/>
        </pc:sldMkLst>
        <pc:spChg chg="mod">
          <ac:chgData name="Steffen Holm Cordes" userId="S::s184208@dtu.dk::0c37b29c-ec4d-473a-8cfe-57f5e5d0295d" providerId="AD" clId="Web-{96D55374-6BB1-443C-B620-1EB82B948FBB}" dt="2022-04-19T19:32:34.355" v="209" actId="20577"/>
          <ac:spMkLst>
            <pc:docMk/>
            <pc:sldMk cId="2476560604" sldId="272"/>
            <ac:spMk id="3" creationId="{5D80FE17-E141-BD1F-A474-32874D92E3A4}"/>
          </ac:spMkLst>
        </pc:spChg>
      </pc:sldChg>
      <pc:sldChg chg="addSp delSp modSp mod modClrScheme chgLayout">
        <pc:chgData name="Steffen Holm Cordes" userId="S::s184208@dtu.dk::0c37b29c-ec4d-473a-8cfe-57f5e5d0295d" providerId="AD" clId="Web-{96D55374-6BB1-443C-B620-1EB82B948FBB}" dt="2022-04-19T19:47:44.395" v="423" actId="20577"/>
        <pc:sldMkLst>
          <pc:docMk/>
          <pc:sldMk cId="2045981759" sldId="273"/>
        </pc:sldMkLst>
        <pc:spChg chg="mod">
          <ac:chgData name="Steffen Holm Cordes" userId="S::s184208@dtu.dk::0c37b29c-ec4d-473a-8cfe-57f5e5d0295d" providerId="AD" clId="Web-{96D55374-6BB1-443C-B620-1EB82B948FBB}" dt="2022-04-19T19:43:07.003" v="415" actId="1076"/>
          <ac:spMkLst>
            <pc:docMk/>
            <pc:sldMk cId="2045981759" sldId="273"/>
            <ac:spMk id="2" creationId="{455786BC-C30A-03E4-B27C-84B910AF9727}"/>
          </ac:spMkLst>
        </pc:spChg>
        <pc:spChg chg="mod">
          <ac:chgData name="Steffen Holm Cordes" userId="S::s184208@dtu.dk::0c37b29c-ec4d-473a-8cfe-57f5e5d0295d" providerId="AD" clId="Web-{96D55374-6BB1-443C-B620-1EB82B948FBB}" dt="2022-04-19T19:47:44.395" v="423" actId="20577"/>
          <ac:spMkLst>
            <pc:docMk/>
            <pc:sldMk cId="2045981759" sldId="273"/>
            <ac:spMk id="3" creationId="{5D80FE17-E141-BD1F-A474-32874D92E3A4}"/>
          </ac:spMkLst>
        </pc:spChg>
        <pc:spChg chg="mod ord">
          <ac:chgData name="Steffen Holm Cordes" userId="S::s184208@dtu.dk::0c37b29c-ec4d-473a-8cfe-57f5e5d0295d" providerId="AD" clId="Web-{96D55374-6BB1-443C-B620-1EB82B948FBB}" dt="2022-04-19T19:20:00.364" v="62"/>
          <ac:spMkLst>
            <pc:docMk/>
            <pc:sldMk cId="2045981759" sldId="273"/>
            <ac:spMk id="4" creationId="{6FE7D0BC-DB16-699E-EA55-C6CA20B9F342}"/>
          </ac:spMkLst>
        </pc:spChg>
        <pc:picChg chg="add del mod">
          <ac:chgData name="Steffen Holm Cordes" userId="S::s184208@dtu.dk::0c37b29c-ec4d-473a-8cfe-57f5e5d0295d" providerId="AD" clId="Web-{96D55374-6BB1-443C-B620-1EB82B948FBB}" dt="2022-04-19T19:19:38.347" v="58"/>
          <ac:picMkLst>
            <pc:docMk/>
            <pc:sldMk cId="2045981759" sldId="273"/>
            <ac:picMk id="5" creationId="{195B3E3F-B996-7B2C-F628-AC801057492A}"/>
          </ac:picMkLst>
        </pc:picChg>
        <pc:picChg chg="add mod ord">
          <ac:chgData name="Steffen Holm Cordes" userId="S::s184208@dtu.dk::0c37b29c-ec4d-473a-8cfe-57f5e5d0295d" providerId="AD" clId="Web-{96D55374-6BB1-443C-B620-1EB82B948FBB}" dt="2022-04-19T19:42:51.299" v="412"/>
          <ac:picMkLst>
            <pc:docMk/>
            <pc:sldMk cId="2045981759" sldId="273"/>
            <ac:picMk id="6" creationId="{8CED5E43-20CE-2850-64C2-E737E5ADE995}"/>
          </ac:picMkLst>
        </pc:picChg>
        <pc:picChg chg="del">
          <ac:chgData name="Steffen Holm Cordes" userId="S::s184208@dtu.dk::0c37b29c-ec4d-473a-8cfe-57f5e5d0295d" providerId="AD" clId="Web-{96D55374-6BB1-443C-B620-1EB82B948FBB}" dt="2022-04-19T18:51:31.570" v="5"/>
          <ac:picMkLst>
            <pc:docMk/>
            <pc:sldMk cId="2045981759" sldId="273"/>
            <ac:picMk id="9" creationId="{3A2C1D0C-34D4-053E-6CEF-E2A7B4B3A6A0}"/>
          </ac:picMkLst>
        </pc:picChg>
      </pc:sldChg>
      <pc:sldChg chg="modSp">
        <pc:chgData name="Steffen Holm Cordes" userId="S::s184208@dtu.dk::0c37b29c-ec4d-473a-8cfe-57f5e5d0295d" providerId="AD" clId="Web-{96D55374-6BB1-443C-B620-1EB82B948FBB}" dt="2022-04-19T19:32:08.495" v="208" actId="20577"/>
        <pc:sldMkLst>
          <pc:docMk/>
          <pc:sldMk cId="517025947" sldId="274"/>
        </pc:sldMkLst>
        <pc:spChg chg="mod">
          <ac:chgData name="Steffen Holm Cordes" userId="S::s184208@dtu.dk::0c37b29c-ec4d-473a-8cfe-57f5e5d0295d" providerId="AD" clId="Web-{96D55374-6BB1-443C-B620-1EB82B948FBB}" dt="2022-04-19T19:31:38.774" v="201" actId="20577"/>
          <ac:spMkLst>
            <pc:docMk/>
            <pc:sldMk cId="517025947" sldId="274"/>
            <ac:spMk id="3" creationId="{89F0E51C-5E19-2675-C445-016A78E216EF}"/>
          </ac:spMkLst>
        </pc:spChg>
        <pc:spChg chg="mod">
          <ac:chgData name="Steffen Holm Cordes" userId="S::s184208@dtu.dk::0c37b29c-ec4d-473a-8cfe-57f5e5d0295d" providerId="AD" clId="Web-{96D55374-6BB1-443C-B620-1EB82B948FBB}" dt="2022-04-19T19:32:08.495" v="208" actId="20577"/>
          <ac:spMkLst>
            <pc:docMk/>
            <pc:sldMk cId="517025947" sldId="274"/>
            <ac:spMk id="8" creationId="{D0AE7DA2-B038-3589-EF6D-15A0558C1627}"/>
          </ac:spMkLst>
        </pc:spChg>
      </pc:sldChg>
    </pc:docChg>
  </pc:docChgLst>
  <pc:docChgLst>
    <pc:chgData name="Steffen Holm Cordes" userId="S::s184208@dtu.dk::0c37b29c-ec4d-473a-8cfe-57f5e5d0295d" providerId="AD" clId="Web-{8D42F367-7403-4C18-911F-4547DC9AC8F9}"/>
    <pc:docChg chg="modSld">
      <pc:chgData name="Steffen Holm Cordes" userId="S::s184208@dtu.dk::0c37b29c-ec4d-473a-8cfe-57f5e5d0295d" providerId="AD" clId="Web-{8D42F367-7403-4C18-911F-4547DC9AC8F9}" dt="2022-04-19T15:38:56.762" v="106" actId="20577"/>
      <pc:docMkLst>
        <pc:docMk/>
      </pc:docMkLst>
      <pc:sldChg chg="modSp">
        <pc:chgData name="Steffen Holm Cordes" userId="S::s184208@dtu.dk::0c37b29c-ec4d-473a-8cfe-57f5e5d0295d" providerId="AD" clId="Web-{8D42F367-7403-4C18-911F-4547DC9AC8F9}" dt="2022-04-19T15:38:56.762" v="106" actId="20577"/>
        <pc:sldMkLst>
          <pc:docMk/>
          <pc:sldMk cId="2045981759" sldId="273"/>
        </pc:sldMkLst>
        <pc:spChg chg="mod">
          <ac:chgData name="Steffen Holm Cordes" userId="S::s184208@dtu.dk::0c37b29c-ec4d-473a-8cfe-57f5e5d0295d" providerId="AD" clId="Web-{8D42F367-7403-4C18-911F-4547DC9AC8F9}" dt="2022-04-19T15:38:56.762" v="106" actId="20577"/>
          <ac:spMkLst>
            <pc:docMk/>
            <pc:sldMk cId="2045981759" sldId="273"/>
            <ac:spMk id="3" creationId="{5D80FE17-E141-BD1F-A474-32874D92E3A4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endParaRPr lang="en-GB" sz="700" b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700" b="1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61892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hyperlink" Target="http://www.retsinformation.dk" TargetMode="Externa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5786BC-C30A-03E4-B27C-84B910AF972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96690" y="426127"/>
            <a:ext cx="10190410" cy="1381234"/>
          </a:xfrm>
        </p:spPr>
        <p:txBody>
          <a:bodyPr/>
          <a:lstStyle/>
          <a:p>
            <a:r>
              <a:rPr lang="en-GB" b="0">
                <a:ea typeface="+mj-lt"/>
                <a:cs typeface="+mj-lt"/>
              </a:rPr>
              <a:t>Determining "high-significance" nodes in a network of legal documents indicating one or more key obstacles for law makers implementing new laws during a pandemic.</a:t>
            </a:r>
            <a:endParaRPr lang="en-GB" b="0">
              <a:cs typeface="Arial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D80FE17-E141-BD1F-A474-32874D92E3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99745" y="2492379"/>
            <a:ext cx="11395158" cy="3514070"/>
          </a:xfrm>
        </p:spPr>
        <p:txBody>
          <a:bodyPr/>
          <a:lstStyle/>
          <a:p>
            <a:pPr marL="197485" indent="-197485">
              <a:spcBef>
                <a:spcPts val="1400"/>
              </a:spcBef>
              <a:spcAft>
                <a:spcPts val="1000"/>
              </a:spcAft>
            </a:pPr>
            <a:r>
              <a:rPr lang="en-GB" sz="2000">
                <a:cs typeface="Arial"/>
              </a:rPr>
              <a:t>Influenced by the corona pandemic, Danish lawmakers made amendments to existing laws and created new laws.</a:t>
            </a:r>
            <a:endParaRPr lang="en-US" sz="2000">
              <a:cs typeface="Arial"/>
            </a:endParaRPr>
          </a:p>
          <a:p>
            <a:pPr marL="197485" indent="-197485">
              <a:spcBef>
                <a:spcPts val="1400"/>
              </a:spcBef>
              <a:spcAft>
                <a:spcPts val="1000"/>
              </a:spcAft>
            </a:pPr>
            <a:r>
              <a:rPr lang="en-GB" sz="2000">
                <a:cs typeface="Arial"/>
              </a:rPr>
              <a:t>By evaluating common links between all new laws containing </a:t>
            </a:r>
            <a:r>
              <a:rPr lang="en-GB" sz="2000" i="1">
                <a:cs typeface="Arial"/>
              </a:rPr>
              <a:t>"pandemic" </a:t>
            </a:r>
            <a:r>
              <a:rPr lang="en-GB" sz="2000">
                <a:cs typeface="Arial"/>
              </a:rPr>
              <a:t>keywords we seek to establish the one most relevant document for the creation of future laws.</a:t>
            </a:r>
          </a:p>
          <a:p>
            <a:pPr marL="197485" indent="-197485">
              <a:spcBef>
                <a:spcPts val="1400"/>
              </a:spcBef>
              <a:spcAft>
                <a:spcPts val="1000"/>
              </a:spcAft>
            </a:pPr>
            <a:r>
              <a:rPr lang="en-GB" sz="2000">
                <a:cs typeface="Arial"/>
              </a:rPr>
              <a:t>Law documents matching the keywords </a:t>
            </a:r>
            <a:br>
              <a:rPr lang="en-GB" sz="2000">
                <a:cs typeface="Arial"/>
              </a:rPr>
            </a:br>
            <a:r>
              <a:rPr lang="en-GB" sz="2000">
                <a:cs typeface="Arial"/>
              </a:rPr>
              <a:t>and search criteria are referenced</a:t>
            </a:r>
            <a:br>
              <a:rPr lang="en-GB" sz="2000">
                <a:cs typeface="Arial"/>
              </a:rPr>
            </a:br>
            <a:r>
              <a:rPr lang="en-GB" sz="2000">
                <a:cs typeface="Arial"/>
              </a:rPr>
              <a:t>as </a:t>
            </a:r>
            <a:r>
              <a:rPr lang="en-GB" sz="2000" b="1">
                <a:cs typeface="Arial"/>
              </a:rPr>
              <a:t>primary </a:t>
            </a:r>
            <a:r>
              <a:rPr lang="en-GB" sz="2000">
                <a:cs typeface="Arial"/>
              </a:rPr>
              <a:t>documents</a:t>
            </a:r>
          </a:p>
          <a:p>
            <a:pPr marL="197485" indent="-197485">
              <a:spcBef>
                <a:spcPts val="1400"/>
              </a:spcBef>
              <a:spcAft>
                <a:spcPts val="1000"/>
              </a:spcAft>
            </a:pPr>
            <a:endParaRPr lang="en-GB" sz="2000">
              <a:cs typeface="Arial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E7D0BC-DB16-699E-EA55-C6CA20B9F34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5EF9C04-7EBF-B5E2-BE2B-684A60644916}"/>
              </a:ext>
            </a:extLst>
          </p:cNvPr>
          <p:cNvSpPr txBox="1"/>
          <p:nvPr/>
        </p:nvSpPr>
        <p:spPr>
          <a:xfrm>
            <a:off x="6659336" y="4246771"/>
            <a:ext cx="5228828" cy="2077492"/>
          </a:xfrm>
          <a:prstGeom prst="rect">
            <a:avLst/>
          </a:prstGeom>
          <a:noFill/>
          <a:ln w="28575">
            <a:solidFill>
              <a:srgbClr val="C00000"/>
            </a:solidFill>
          </a:ln>
        </p:spPr>
        <p:txBody>
          <a:bodyPr rot="0" spcFirstLastPara="0" vertOverflow="overflow" horzOverflow="overflow" vert="horz" wrap="square" lIns="182880" tIns="4572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>
                <a:latin typeface="Arial Black"/>
                <a:ea typeface="ＭＳ Ｐゴシック"/>
                <a:cs typeface="Segoe UI"/>
              </a:rPr>
              <a:t> </a:t>
            </a:r>
            <a:r>
              <a:rPr lang="en-GB" b="1">
                <a:latin typeface="Amasis MT Pro"/>
                <a:ea typeface="ＭＳ Ｐゴシック"/>
                <a:cs typeface="Segoe UI"/>
              </a:rPr>
              <a:t>INFO</a:t>
            </a:r>
          </a:p>
          <a:p>
            <a:pPr>
              <a:spcBef>
                <a:spcPts val="432"/>
              </a:spcBef>
            </a:pPr>
            <a:r>
              <a:rPr lang="en-GB" i="1">
                <a:latin typeface="+mn-lt"/>
                <a:ea typeface="ＭＳ Ｐゴシック"/>
                <a:cs typeface="Segoe UI"/>
              </a:rPr>
              <a:t>source: www.retsinformation.dk</a:t>
            </a:r>
            <a:r>
              <a:rPr lang="en-GB">
                <a:latin typeface="+mn-lt"/>
                <a:ea typeface="ＭＳ Ｐゴシック"/>
                <a:cs typeface="Segoe UI"/>
              </a:rPr>
              <a:t>​</a:t>
            </a:r>
            <a:endParaRPr lang="en-GB"/>
          </a:p>
          <a:p>
            <a:pPr lvl="1">
              <a:spcBef>
                <a:spcPts val="432"/>
              </a:spcBef>
              <a:buChar char="•"/>
            </a:pPr>
            <a:r>
              <a:rPr lang="en-GB">
                <a:latin typeface="+mn-lt"/>
                <a:ea typeface="ＭＳ Ｐゴシック"/>
                <a:cs typeface="Arial"/>
              </a:rPr>
              <a:t>Search interval [2019:2023]</a:t>
            </a:r>
            <a:r>
              <a:rPr lang="en-US">
                <a:latin typeface="+mn-lt"/>
                <a:ea typeface="ＭＳ Ｐゴシック"/>
                <a:cs typeface="Arial"/>
              </a:rPr>
              <a:t>​</a:t>
            </a:r>
          </a:p>
          <a:p>
            <a:pPr lvl="1">
              <a:spcBef>
                <a:spcPts val="432"/>
              </a:spcBef>
              <a:buChar char="•"/>
            </a:pPr>
            <a:r>
              <a:rPr lang="en-GB">
                <a:latin typeface="+mn-lt"/>
                <a:ea typeface="ＭＳ Ｐゴシック"/>
                <a:cs typeface="Arial"/>
              </a:rPr>
              <a:t>Status: </a:t>
            </a:r>
            <a:r>
              <a:rPr lang="en-GB" i="1">
                <a:latin typeface="+mn-lt"/>
                <a:ea typeface="ＭＳ Ｐゴシック"/>
                <a:cs typeface="Arial"/>
              </a:rPr>
              <a:t>ratified</a:t>
            </a:r>
            <a:r>
              <a:rPr lang="en-GB">
                <a:latin typeface="+mn-lt"/>
                <a:ea typeface="ＭＳ Ｐゴシック"/>
                <a:cs typeface="Arial"/>
              </a:rPr>
              <a:t>​</a:t>
            </a:r>
          </a:p>
          <a:p>
            <a:pPr lvl="1">
              <a:spcBef>
                <a:spcPts val="432"/>
              </a:spcBef>
              <a:buChar char="•"/>
            </a:pPr>
            <a:r>
              <a:rPr lang="en-GB">
                <a:latin typeface="+mn-lt"/>
                <a:ea typeface="ＭＳ Ｐゴシック"/>
                <a:cs typeface="Arial"/>
              </a:rPr>
              <a:t>Keywords: </a:t>
            </a:r>
            <a:r>
              <a:rPr lang="en-GB" b="1">
                <a:latin typeface="+mn-lt"/>
                <a:ea typeface="ＭＳ Ｐゴシック"/>
                <a:cs typeface="Arial"/>
              </a:rPr>
              <a:t>corona, covid, virus, </a:t>
            </a:r>
            <a:r>
              <a:rPr lang="en-GB" b="1" err="1">
                <a:latin typeface="+mn-lt"/>
                <a:ea typeface="ＭＳ Ｐゴシック"/>
                <a:cs typeface="Arial"/>
              </a:rPr>
              <a:t>pandemi</a:t>
            </a:r>
            <a:r>
              <a:rPr lang="en-GB">
                <a:latin typeface="+mn-lt"/>
                <a:ea typeface="ＭＳ Ｐゴシック"/>
                <a:cs typeface="Arial"/>
              </a:rPr>
              <a:t>​</a:t>
            </a:r>
          </a:p>
          <a:p>
            <a:pPr lvl="1">
              <a:spcBef>
                <a:spcPts val="432"/>
              </a:spcBef>
              <a:buChar char="•"/>
            </a:pPr>
            <a:r>
              <a:rPr lang="en-GB">
                <a:latin typeface="+mn-lt"/>
                <a:ea typeface="ＭＳ Ｐゴシック"/>
                <a:cs typeface="Arial"/>
              </a:rPr>
              <a:t>Documents as nodes</a:t>
            </a:r>
          </a:p>
          <a:p>
            <a:pPr lvl="1">
              <a:spcBef>
                <a:spcPts val="432"/>
              </a:spcBef>
              <a:buChar char="•"/>
            </a:pPr>
            <a:r>
              <a:rPr lang="en-GB">
                <a:latin typeface="+mn-lt"/>
                <a:ea typeface="ＭＳ Ｐゴシック"/>
                <a:cs typeface="Arial"/>
              </a:rPr>
              <a:t>Secondary affected documents form edges</a:t>
            </a:r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0ACF3F7-53B8-E33A-3C51-8F09445075F7}"/>
              </a:ext>
            </a:extLst>
          </p:cNvPr>
          <p:cNvSpPr txBox="1"/>
          <p:nvPr/>
        </p:nvSpPr>
        <p:spPr>
          <a:xfrm>
            <a:off x="245872" y="5608326"/>
            <a:ext cx="3947947" cy="54373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+mn-lt"/>
                <a:ea typeface="ＭＳ Ｐゴシック"/>
              </a:rPr>
              <a:t>Group 6 – 02467 Social Informatik</a:t>
            </a:r>
          </a:p>
          <a:p>
            <a:pPr>
              <a:spcBef>
                <a:spcPts val="432"/>
              </a:spcBef>
            </a:pPr>
            <a:endParaRPr lang="en-GB"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85006980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A4291E-03BA-43CC-D3CF-E0A31AC5125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8474545" cy="414020"/>
          </a:xfrm>
        </p:spPr>
        <p:txBody>
          <a:bodyPr/>
          <a:lstStyle/>
          <a:p>
            <a:r>
              <a:rPr lang="en-GB">
                <a:cs typeface="Arial"/>
              </a:rPr>
              <a:t>Accessible and incomprehensible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F0E51C-5E19-2675-C445-016A78E216E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213510"/>
            <a:ext cx="9312374" cy="1507224"/>
          </a:xfrm>
        </p:spPr>
        <p:txBody>
          <a:bodyPr/>
          <a:lstStyle/>
          <a:p>
            <a:pPr marL="197485" indent="-197485">
              <a:spcBef>
                <a:spcPts val="1400"/>
              </a:spcBef>
              <a:spcAft>
                <a:spcPts val="1000"/>
              </a:spcAft>
            </a:pPr>
            <a:r>
              <a:rPr lang="en-GB">
                <a:ea typeface="+mn-lt"/>
                <a:cs typeface="+mn-lt"/>
              </a:rPr>
              <a:t>Although highly accessible, the Danish law may not be easily understood by everyone</a:t>
            </a:r>
            <a:endParaRPr lang="en-US"/>
          </a:p>
          <a:p>
            <a:pPr marL="197485" indent="-197485">
              <a:spcBef>
                <a:spcPts val="1400"/>
              </a:spcBef>
              <a:spcAft>
                <a:spcPts val="1000"/>
              </a:spcAft>
            </a:pPr>
            <a:r>
              <a:rPr lang="en-GB">
                <a:ea typeface="+mn-lt"/>
                <a:cs typeface="+mn-lt"/>
              </a:rPr>
              <a:t>Subjecting the documents to impartial and unbiased computer algorithms we seek to establish a logical chain of links and establish significant areas of importance in the Danish body of law</a:t>
            </a:r>
          </a:p>
          <a:p>
            <a:pPr marL="0" indent="0">
              <a:spcBef>
                <a:spcPts val="1400"/>
              </a:spcBef>
              <a:spcAft>
                <a:spcPts val="1000"/>
              </a:spcAft>
              <a:buNone/>
            </a:pPr>
            <a:endParaRPr lang="en-GB">
              <a:latin typeface="Verdana"/>
              <a:cs typeface="Arial"/>
            </a:endParaRPr>
          </a:p>
          <a:p>
            <a:pPr marL="197485" indent="-197485">
              <a:spcBef>
                <a:spcPts val="1400"/>
              </a:spcBef>
              <a:spcAft>
                <a:spcPts val="1000"/>
              </a:spcAft>
            </a:pPr>
            <a:endParaRPr lang="en-US">
              <a:ea typeface="+mn-lt"/>
              <a:cs typeface="+mn-lt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56B68F6-5558-F5E4-447F-77DB50BFE56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10" name="Picture 10">
            <a:extLst>
              <a:ext uri="{FF2B5EF4-FFF2-40B4-BE49-F238E27FC236}">
                <a16:creationId xmlns:a16="http://schemas.microsoft.com/office/drawing/2014/main" id="{3F18A4B1-AC0A-8333-2C87-BC22C85F137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28398" y="3288349"/>
            <a:ext cx="8369751" cy="2824115"/>
          </a:xfrm>
          <a:prstGeom prst="rect">
            <a:avLst/>
          </a:prstGeom>
          <a:ln>
            <a:solidFill>
              <a:srgbClr val="0070C0"/>
            </a:solidFill>
          </a:ln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9179C6FE-F381-7A58-FDF0-B1BBCC06EF31}"/>
              </a:ext>
            </a:extLst>
          </p:cNvPr>
          <p:cNvSpPr txBox="1"/>
          <p:nvPr/>
        </p:nvSpPr>
        <p:spPr>
          <a:xfrm>
            <a:off x="256071" y="2955526"/>
            <a:ext cx="4948500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Verdana"/>
                <a:ea typeface="Verdana"/>
              </a:rPr>
              <a:t>Actual </a:t>
            </a:r>
            <a:r>
              <a:rPr lang="en-GB" strike="sngStrike" err="1">
                <a:latin typeface="Verdana"/>
                <a:ea typeface="Verdana"/>
              </a:rPr>
              <a:t>danish</a:t>
            </a:r>
            <a:r>
              <a:rPr lang="en-GB">
                <a:latin typeface="Verdana"/>
                <a:ea typeface="Verdana"/>
              </a:rPr>
              <a:t> </a:t>
            </a:r>
            <a:r>
              <a:rPr lang="en-GB" err="1">
                <a:latin typeface="Verdana"/>
                <a:ea typeface="Verdana"/>
              </a:rPr>
              <a:t>giberish</a:t>
            </a:r>
            <a:r>
              <a:rPr lang="en-GB">
                <a:latin typeface="Verdana"/>
                <a:ea typeface="Verdana"/>
              </a:rPr>
              <a:t> language example: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702594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D650DC6-A322-9153-7EB8-85A2D2B456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4052D20C-C251-5DEA-D1BE-7ED0EC9D32CA}"/>
              </a:ext>
            </a:extLst>
          </p:cNvPr>
          <p:cNvSpPr txBox="1">
            <a:spLocks/>
          </p:cNvSpPr>
          <p:nvPr/>
        </p:nvSpPr>
        <p:spPr bwMode="auto">
          <a:xfrm>
            <a:off x="1731901" y="491510"/>
            <a:ext cx="6743033" cy="58801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kern="0">
                <a:cs typeface="Arial"/>
              </a:rPr>
              <a:t>Dataset and API requesting the API requests</a:t>
            </a:r>
            <a:endParaRPr lang="en-GB" kern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D01104E6-2F02-07B8-BF72-3F11F168735C}"/>
              </a:ext>
            </a:extLst>
          </p:cNvPr>
          <p:cNvSpPr txBox="1">
            <a:spLocks/>
          </p:cNvSpPr>
          <p:nvPr/>
        </p:nvSpPr>
        <p:spPr bwMode="auto">
          <a:xfrm>
            <a:off x="370611" y="1156912"/>
            <a:ext cx="5624445" cy="20800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197485" indent="-197485">
              <a:spcAft>
                <a:spcPts val="1000"/>
              </a:spcAft>
            </a:pPr>
            <a:r>
              <a:rPr lang="en-GB" kern="0">
                <a:ea typeface="+mn-lt"/>
                <a:cs typeface="+mn-lt"/>
              </a:rPr>
              <a:t>Preliminary search for </a:t>
            </a:r>
            <a:r>
              <a:rPr lang="en-GB" i="1" kern="0">
                <a:ea typeface="+mn-lt"/>
                <a:cs typeface="+mn-lt"/>
              </a:rPr>
              <a:t>primary </a:t>
            </a:r>
            <a:r>
              <a:rPr lang="en-GB" kern="0">
                <a:ea typeface="+mn-lt"/>
                <a:cs typeface="+mn-lt"/>
              </a:rPr>
              <a:t>documents were made using "extreme search" function (1) available at the source website: </a:t>
            </a:r>
            <a:r>
              <a:rPr lang="en-GB" kern="0">
                <a:ea typeface="+mn-lt"/>
                <a:cs typeface="+mn-lt"/>
                <a:hlinkClick r:id="rId2"/>
              </a:rPr>
              <a:t>www.retsinformation.dk</a:t>
            </a:r>
            <a:endParaRPr lang="en-US">
              <a:cs typeface="Arial"/>
            </a:endParaRPr>
          </a:p>
          <a:p>
            <a:pPr marL="197485" indent="-197485">
              <a:spcBef>
                <a:spcPts val="432"/>
              </a:spcBef>
              <a:spcAft>
                <a:spcPts val="1000"/>
              </a:spcAft>
            </a:pPr>
            <a:r>
              <a:rPr lang="en-GB" kern="0">
                <a:ea typeface="+mn-lt"/>
                <a:cs typeface="+mn-lt"/>
              </a:rPr>
              <a:t>Attributes and text collected using </a:t>
            </a:r>
            <a:r>
              <a:rPr lang="en-GB" b="1" kern="0">
                <a:ea typeface="+mn-lt"/>
                <a:cs typeface="+mn-lt"/>
              </a:rPr>
              <a:t>request</a:t>
            </a:r>
            <a:r>
              <a:rPr lang="en-GB" kern="0">
                <a:ea typeface="+mn-lt"/>
                <a:cs typeface="+mn-lt"/>
              </a:rPr>
              <a:t> (2) and secondary documents (edges) found using </a:t>
            </a:r>
            <a:r>
              <a:rPr lang="en-GB" kern="0" err="1">
                <a:ea typeface="+mn-lt"/>
                <a:cs typeface="+mn-lt"/>
              </a:rPr>
              <a:t>javascript</a:t>
            </a:r>
            <a:r>
              <a:rPr lang="en-GB" kern="0">
                <a:ea typeface="+mn-lt"/>
                <a:cs typeface="+mn-lt"/>
              </a:rPr>
              <a:t> rendering with </a:t>
            </a:r>
            <a:r>
              <a:rPr lang="en-GB" b="1" kern="0" err="1">
                <a:ea typeface="+mn-lt"/>
                <a:cs typeface="+mn-lt"/>
              </a:rPr>
              <a:t>requests_html</a:t>
            </a:r>
            <a:r>
              <a:rPr lang="en-GB" b="1" kern="0">
                <a:ea typeface="+mn-lt"/>
                <a:cs typeface="+mn-lt"/>
              </a:rPr>
              <a:t> </a:t>
            </a:r>
            <a:r>
              <a:rPr lang="en-GB" kern="0">
                <a:ea typeface="+mn-lt"/>
                <a:cs typeface="+mn-lt"/>
              </a:rPr>
              <a:t>(3)</a:t>
            </a:r>
            <a:endParaRPr lang="en-US" kern="0">
              <a:ea typeface="+mn-lt"/>
              <a:cs typeface="+mn-lt"/>
            </a:endParaRPr>
          </a:p>
          <a:p>
            <a:pPr marL="0" indent="0">
              <a:spcAft>
                <a:spcPts val="1000"/>
              </a:spcAft>
              <a:buNone/>
            </a:pPr>
            <a:endParaRPr lang="en-GB" kern="0">
              <a:ea typeface="+mn-lt"/>
              <a:cs typeface="+mn-lt"/>
            </a:endParaRPr>
          </a:p>
          <a:p>
            <a:pPr marL="197485" indent="-197485">
              <a:spcAft>
                <a:spcPts val="1000"/>
              </a:spcAft>
            </a:pPr>
            <a:endParaRPr lang="en-GB" kern="0">
              <a:ea typeface="+mn-lt"/>
              <a:cs typeface="+mn-lt"/>
            </a:endParaRPr>
          </a:p>
          <a:p>
            <a:pPr marL="197485" indent="-197485">
              <a:spcAft>
                <a:spcPts val="1000"/>
              </a:spcAft>
            </a:pPr>
            <a:endParaRPr lang="en-GB" kern="0">
              <a:ea typeface="+mn-lt"/>
              <a:cs typeface="+mn-lt"/>
            </a:endParaRPr>
          </a:p>
        </p:txBody>
      </p:sp>
      <p:pic>
        <p:nvPicPr>
          <p:cNvPr id="9" name="Picture 9" descr="Table, calendar&#10;&#10;Description automatically generated">
            <a:extLst>
              <a:ext uri="{FF2B5EF4-FFF2-40B4-BE49-F238E27FC236}">
                <a16:creationId xmlns:a16="http://schemas.microsoft.com/office/drawing/2014/main" id="{4A15FF7A-8945-6BDF-1BBD-6AC570A348F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990358" y="792598"/>
            <a:ext cx="4952080" cy="2773853"/>
          </a:xfrm>
          <a:prstGeom prst="rect">
            <a:avLst/>
          </a:prstGeom>
        </p:spPr>
      </p:pic>
      <p:pic>
        <p:nvPicPr>
          <p:cNvPr id="12" name="Picture 12">
            <a:extLst>
              <a:ext uri="{FF2B5EF4-FFF2-40B4-BE49-F238E27FC236}">
                <a16:creationId xmlns:a16="http://schemas.microsoft.com/office/drawing/2014/main" id="{29F4F43B-1EE0-C832-783C-C9ED821BC8EC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-10" t="171" r="56148" b="4117"/>
          <a:stretch/>
        </p:blipFill>
        <p:spPr>
          <a:xfrm>
            <a:off x="372789" y="3504279"/>
            <a:ext cx="4953476" cy="2847485"/>
          </a:xfrm>
          <a:prstGeom prst="rect">
            <a:avLst/>
          </a:prstGeom>
          <a:ln>
            <a:solidFill>
              <a:srgbClr val="4472C4"/>
            </a:solidFill>
          </a:ln>
        </p:spPr>
      </p:pic>
      <p:pic>
        <p:nvPicPr>
          <p:cNvPr id="14" name="Picture 14">
            <a:extLst>
              <a:ext uri="{FF2B5EF4-FFF2-40B4-BE49-F238E27FC236}">
                <a16:creationId xmlns:a16="http://schemas.microsoft.com/office/drawing/2014/main" id="{62583DE5-FDBB-97E1-65D8-609704EC0D3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989415" y="3638624"/>
            <a:ext cx="4948706" cy="2854120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2592903E-9C6E-F697-3F53-C3CABC79A5B3}"/>
              </a:ext>
            </a:extLst>
          </p:cNvPr>
          <p:cNvSpPr txBox="1"/>
          <p:nvPr/>
        </p:nvSpPr>
        <p:spPr>
          <a:xfrm>
            <a:off x="6656478" y="792929"/>
            <a:ext cx="2743200" cy="43088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 sz="2800">
                <a:latin typeface="+mn-lt"/>
                <a:ea typeface="ＭＳ Ｐゴシック"/>
              </a:rPr>
              <a:t>1</a:t>
            </a:r>
            <a:endParaRPr lang="en-US" sz="280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8A4F97B-AC7B-281F-96BE-1CB16B596E2C}"/>
              </a:ext>
            </a:extLst>
          </p:cNvPr>
          <p:cNvSpPr txBox="1"/>
          <p:nvPr/>
        </p:nvSpPr>
        <p:spPr>
          <a:xfrm>
            <a:off x="5424566" y="3506630"/>
            <a:ext cx="2743200" cy="43088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 sz="2800">
                <a:latin typeface="Arial"/>
                <a:cs typeface="Arial"/>
              </a:rPr>
              <a:t>2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D1CBE4D-991A-DC3F-E3B1-BEC588FB456D}"/>
              </a:ext>
            </a:extLst>
          </p:cNvPr>
          <p:cNvSpPr txBox="1"/>
          <p:nvPr/>
        </p:nvSpPr>
        <p:spPr>
          <a:xfrm>
            <a:off x="6658931" y="5919796"/>
            <a:ext cx="2743200" cy="43088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en-GB" sz="2800">
                <a:latin typeface="Arial"/>
                <a:cs typeface="Arial"/>
              </a:rPr>
              <a:t>3</a:t>
            </a:r>
          </a:p>
        </p:txBody>
      </p:sp>
    </p:spTree>
    <p:extLst>
      <p:ext uri="{BB962C8B-B14F-4D97-AF65-F5344CB8AC3E}">
        <p14:creationId xmlns:p14="http://schemas.microsoft.com/office/powerpoint/2010/main" val="405487493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5786BC-C30A-03E4-B27C-84B910AF972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45058"/>
            <a:ext cx="9312374" cy="595596"/>
          </a:xfrm>
        </p:spPr>
        <p:txBody>
          <a:bodyPr/>
          <a:lstStyle/>
          <a:p>
            <a:r>
              <a:rPr lang="en-GB">
                <a:ea typeface="+mj-lt"/>
                <a:cs typeface="+mj-lt"/>
              </a:rPr>
              <a:t>Goal &amp; the implementation plan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D80FE17-E141-BD1F-A474-32874D92E3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357460"/>
            <a:ext cx="9312374" cy="4545578"/>
          </a:xfrm>
        </p:spPr>
        <p:txBody>
          <a:bodyPr/>
          <a:lstStyle/>
          <a:p>
            <a:pPr marL="197485" indent="-197485">
              <a:buFont typeface="Wingdings"/>
              <a:buChar char="ü"/>
            </a:pPr>
            <a:r>
              <a:rPr lang="en-GB" sz="2000">
                <a:cs typeface="Arial"/>
              </a:rPr>
              <a:t>Define scope of documents and fetch data</a:t>
            </a:r>
            <a:endParaRPr lang="en-US" sz="2000">
              <a:cs typeface="Arial"/>
            </a:endParaRPr>
          </a:p>
          <a:p>
            <a:pPr marL="413385" lvl="1" indent="-197485"/>
            <a:r>
              <a:rPr lang="en-GB" sz="2000">
                <a:cs typeface="Arial"/>
              </a:rPr>
              <a:t>343 Primary/initial nodes based on search criteria</a:t>
            </a:r>
          </a:p>
          <a:p>
            <a:pPr marL="413385" lvl="1" indent="-197485"/>
            <a:r>
              <a:rPr lang="en-GB" sz="2000">
                <a:cs typeface="Arial"/>
              </a:rPr>
              <a:t>Identify Secondary nodes (nodes affected by Primary nodes)</a:t>
            </a:r>
            <a:endParaRPr lang="en-GB"/>
          </a:p>
          <a:p>
            <a:pPr marL="413385" lvl="1" indent="-197485"/>
            <a:r>
              <a:rPr lang="en-GB" sz="2000">
                <a:cs typeface="Arial"/>
              </a:rPr>
              <a:t>2173 edges in total</a:t>
            </a:r>
          </a:p>
          <a:p>
            <a:pPr marL="197485" indent="-197485"/>
            <a:r>
              <a:rPr lang="en-GB" sz="2000">
                <a:cs typeface="Arial"/>
              </a:rPr>
              <a:t>Define the network with documents as nodes and references as edges</a:t>
            </a:r>
          </a:p>
          <a:p>
            <a:pPr marL="197485" indent="-197485"/>
            <a:r>
              <a:rPr lang="en-GB" sz="2000">
                <a:cs typeface="Arial"/>
              </a:rPr>
              <a:t>Identify significant nodes by:</a:t>
            </a:r>
          </a:p>
          <a:p>
            <a:pPr marL="413385" lvl="1" indent="-197485"/>
            <a:r>
              <a:rPr lang="en-GB" sz="2000">
                <a:cs typeface="Arial"/>
              </a:rPr>
              <a:t>Visualizing the network</a:t>
            </a:r>
            <a:endParaRPr lang="en-GB">
              <a:cs typeface="Arial"/>
            </a:endParaRPr>
          </a:p>
          <a:p>
            <a:pPr marL="413385" lvl="1" indent="-197485"/>
            <a:r>
              <a:rPr lang="en-GB" sz="2000" err="1">
                <a:cs typeface="Arial"/>
              </a:rPr>
              <a:t>Analyze</a:t>
            </a:r>
            <a:r>
              <a:rPr lang="en-GB" sz="2000">
                <a:cs typeface="Arial"/>
              </a:rPr>
              <a:t> and condition to test </a:t>
            </a:r>
            <a:r>
              <a:rPr lang="en-GB" sz="2000" i="1">
                <a:cs typeface="Arial"/>
              </a:rPr>
              <a:t>"High significance" </a:t>
            </a:r>
            <a:r>
              <a:rPr lang="en-GB" sz="2000">
                <a:cs typeface="Arial"/>
              </a:rPr>
              <a:t>hypothesis</a:t>
            </a:r>
            <a:endParaRPr lang="en-GB">
              <a:cs typeface="Arial"/>
            </a:endParaRPr>
          </a:p>
          <a:p>
            <a:pPr marL="197485" indent="-197485"/>
            <a:r>
              <a:rPr lang="en-GB" sz="2000">
                <a:ea typeface="+mn-lt"/>
                <a:cs typeface="+mn-lt"/>
              </a:rPr>
              <a:t>Tokenize, clean the law texts and generate </a:t>
            </a:r>
            <a:r>
              <a:rPr lang="en-GB" sz="2000" err="1">
                <a:ea typeface="+mn-lt"/>
                <a:cs typeface="+mn-lt"/>
              </a:rPr>
              <a:t>Wordclouds</a:t>
            </a:r>
          </a:p>
          <a:p>
            <a:pPr marL="197485" indent="-197485"/>
            <a:r>
              <a:rPr lang="en-GB" sz="2000">
                <a:cs typeface="Arial"/>
              </a:rPr>
              <a:t>Using the </a:t>
            </a:r>
            <a:r>
              <a:rPr lang="en-GB" sz="2000" err="1">
                <a:cs typeface="Arial"/>
              </a:rPr>
              <a:t>Wordclouds</a:t>
            </a:r>
            <a:r>
              <a:rPr lang="en-GB" sz="2000">
                <a:cs typeface="Arial"/>
              </a:rPr>
              <a:t> based on TF-IDF to understand the contextual association between </a:t>
            </a:r>
            <a:r>
              <a:rPr lang="en-GB" sz="2000">
                <a:ea typeface="+mn-lt"/>
                <a:cs typeface="+mn-lt"/>
              </a:rPr>
              <a:t>"high significance" nodes and their neighbour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E7D0BC-DB16-699E-EA55-C6CA20B9F34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765606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6" descr="Chart, histogram&#10;&#10;Description automatically generated">
            <a:extLst>
              <a:ext uri="{FF2B5EF4-FFF2-40B4-BE49-F238E27FC236}">
                <a16:creationId xmlns:a16="http://schemas.microsoft.com/office/drawing/2014/main" id="{8CED5E43-20CE-2850-64C2-E737E5ADE99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185160" y="1951910"/>
            <a:ext cx="5896402" cy="3946238"/>
          </a:xfrm>
          <a:prstGeom prst="rect">
            <a:avLst/>
          </a:prstGeom>
          <a:noFill/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55786BC-C30A-03E4-B27C-84B910AF972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1901" y="-136344"/>
            <a:ext cx="6491683" cy="972716"/>
          </a:xfrm>
        </p:spPr>
        <p:txBody>
          <a:bodyPr wrap="square" anchor="b">
            <a:normAutofit/>
          </a:bodyPr>
          <a:lstStyle/>
          <a:p>
            <a:r>
              <a:rPr lang="en-GB"/>
              <a:t>Preliminary data-analysi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D80FE17-E141-BD1F-A474-32874D92E3A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962715" y="1715518"/>
            <a:ext cx="5505123" cy="4710954"/>
          </a:xfrm>
        </p:spPr>
        <p:txBody>
          <a:bodyPr wrap="square" anchor="t">
            <a:normAutofit lnSpcReduction="10000"/>
          </a:bodyPr>
          <a:lstStyle/>
          <a:p>
            <a:pPr marL="197485" indent="-197485">
              <a:lnSpc>
                <a:spcPct val="90000"/>
              </a:lnSpc>
            </a:pPr>
            <a:r>
              <a:rPr lang="en-GB"/>
              <a:t>The data on retsinformation.dk is structured data contained in the European Legislation Identifier (ELI) standard.</a:t>
            </a:r>
            <a:endParaRPr lang="en-GB">
              <a:cs typeface="Arial"/>
            </a:endParaRPr>
          </a:p>
          <a:p>
            <a:pPr marL="197485" indent="-197485">
              <a:lnSpc>
                <a:spcPct val="90000"/>
              </a:lnSpc>
            </a:pPr>
            <a:r>
              <a:rPr lang="en-GB">
                <a:ea typeface="+mn-lt"/>
                <a:cs typeface="+mn-lt"/>
              </a:rPr>
              <a:t>Static data, as revisions to laws will be new laws</a:t>
            </a:r>
          </a:p>
          <a:p>
            <a:pPr marL="197485" indent="-197485">
              <a:lnSpc>
                <a:spcPct val="90000"/>
              </a:lnSpc>
            </a:pPr>
            <a:r>
              <a:rPr lang="en-GB"/>
              <a:t>We have 343 laws with a total of 2173 unique links</a:t>
            </a:r>
            <a:endParaRPr lang="en-GB">
              <a:cs typeface="Arial"/>
            </a:endParaRPr>
          </a:p>
          <a:p>
            <a:pPr marL="0" indent="0">
              <a:lnSpc>
                <a:spcPct val="90000"/>
              </a:lnSpc>
              <a:buNone/>
            </a:pPr>
            <a:endParaRPr lang="en-GB">
              <a:cs typeface="Arial"/>
            </a:endParaRPr>
          </a:p>
          <a:p>
            <a:pPr marL="197485" indent="-197485">
              <a:lnSpc>
                <a:spcPct val="90000"/>
              </a:lnSpc>
            </a:pPr>
            <a:r>
              <a:rPr lang="en-GB">
                <a:cs typeface="Arial"/>
              </a:rPr>
              <a:t>Around 232 MB text data for </a:t>
            </a:r>
            <a:r>
              <a:rPr lang="en-GB">
                <a:ea typeface="+mn-lt"/>
                <a:cs typeface="+mn-lt"/>
              </a:rPr>
              <a:t>2516 rows of node data</a:t>
            </a:r>
          </a:p>
          <a:p>
            <a:pPr marL="197485" indent="-197485">
              <a:lnSpc>
                <a:spcPct val="90000"/>
              </a:lnSpc>
            </a:pPr>
            <a:r>
              <a:rPr lang="en-GB">
                <a:cs typeface="Arial"/>
              </a:rPr>
              <a:t>Variables:</a:t>
            </a:r>
          </a:p>
          <a:p>
            <a:pPr marL="413385" lvl="1" indent="-197485">
              <a:lnSpc>
                <a:spcPct val="90000"/>
              </a:lnSpc>
            </a:pPr>
            <a:r>
              <a:rPr lang="en-GB">
                <a:cs typeface="Arial"/>
              </a:rPr>
              <a:t>UID</a:t>
            </a:r>
          </a:p>
          <a:p>
            <a:pPr marL="413385" lvl="1" indent="-197485">
              <a:lnSpc>
                <a:spcPct val="90000"/>
              </a:lnSpc>
            </a:pPr>
            <a:r>
              <a:rPr lang="en-GB">
                <a:cs typeface="Arial"/>
              </a:rPr>
              <a:t>Text body</a:t>
            </a:r>
          </a:p>
          <a:p>
            <a:pPr marL="413385" lvl="1" indent="-197485">
              <a:lnSpc>
                <a:spcPct val="90000"/>
              </a:lnSpc>
            </a:pPr>
            <a:r>
              <a:rPr lang="en-GB">
                <a:cs typeface="Arial"/>
              </a:rPr>
              <a:t>Edges</a:t>
            </a:r>
          </a:p>
          <a:p>
            <a:pPr marL="197485" indent="-197485">
              <a:lnSpc>
                <a:spcPct val="90000"/>
              </a:lnSpc>
            </a:pPr>
            <a:endParaRPr lang="en-GB"/>
          </a:p>
          <a:p>
            <a:pPr marL="197485" indent="-197485">
              <a:lnSpc>
                <a:spcPct val="90000"/>
              </a:lnSpc>
            </a:pPr>
            <a:r>
              <a:rPr lang="en-GB">
                <a:cs typeface="Arial"/>
              </a:rPr>
              <a:t>Degree distribution is concentrated around the median of 4 with a few nodes having around 100 edges </a:t>
            </a:r>
            <a:endParaRPr lang="en-GB"/>
          </a:p>
          <a:p>
            <a:pPr marL="197485" indent="-197485">
              <a:lnSpc>
                <a:spcPct val="90000"/>
              </a:lnSpc>
            </a:pPr>
            <a:r>
              <a:rPr lang="en-GB">
                <a:cs typeface="Arial"/>
              </a:rPr>
              <a:t>This bodes well for finding </a:t>
            </a:r>
            <a:r>
              <a:rPr lang="en-GB">
                <a:ea typeface="+mn-lt"/>
                <a:cs typeface="+mn-lt"/>
              </a:rPr>
              <a:t>"high significance" nodes</a:t>
            </a:r>
          </a:p>
          <a:p>
            <a:pPr marL="197485" indent="-197485">
              <a:lnSpc>
                <a:spcPct val="90000"/>
              </a:lnSpc>
            </a:pPr>
            <a:endParaRPr lang="en-GB">
              <a:cs typeface="Arial"/>
            </a:endParaRPr>
          </a:p>
          <a:p>
            <a:pPr marL="0" indent="0">
              <a:lnSpc>
                <a:spcPct val="90000"/>
              </a:lnSpc>
              <a:buNone/>
            </a:pPr>
            <a:endParaRPr lang="en-GB">
              <a:cs typeface="Arial"/>
            </a:endParaRPr>
          </a:p>
          <a:p>
            <a:pPr marL="197485" indent="-197485">
              <a:lnSpc>
                <a:spcPct val="90000"/>
              </a:lnSpc>
            </a:pPr>
            <a:endParaRPr lang="en-GB">
              <a:cs typeface="Arial"/>
            </a:endParaRPr>
          </a:p>
          <a:p>
            <a:pPr marL="197485" indent="-197485">
              <a:lnSpc>
                <a:spcPct val="90000"/>
              </a:lnSpc>
            </a:pPr>
            <a:endParaRPr lang="en-GB"/>
          </a:p>
          <a:p>
            <a:pPr marL="197485" indent="-197485">
              <a:lnSpc>
                <a:spcPct val="90000"/>
              </a:lnSpc>
            </a:pPr>
            <a:endParaRPr lang="en-GB">
              <a:cs typeface="Arial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E7D0BC-DB16-699E-EA55-C6CA20B9F34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45981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055904-5FB3-564E-D05F-79F70F095A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cs typeface="Arial"/>
              </a:rPr>
              <a:t>Tying the methods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905E509-144B-7095-EDB1-B394A193CF86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11505"/>
            <a:ext cx="7707918" cy="4541694"/>
          </a:xfrm>
        </p:spPr>
        <p:txBody>
          <a:bodyPr/>
          <a:lstStyle/>
          <a:p>
            <a:pPr marL="197485" indent="-197485"/>
            <a:r>
              <a:rPr lang="en-GB">
                <a:cs typeface="Arial"/>
              </a:rPr>
              <a:t>Upon establishing significant nodes, based on the network analysis, is it possible by any means to estimate whether a document is significant based on its body of text?</a:t>
            </a:r>
          </a:p>
          <a:p>
            <a:pPr marL="413385" lvl="1" indent="-197485"/>
            <a:r>
              <a:rPr lang="en-GB">
                <a:cs typeface="Arial"/>
              </a:rPr>
              <a:t>Using neural networks</a:t>
            </a:r>
          </a:p>
          <a:p>
            <a:pPr marL="413385" lvl="1" indent="-197485"/>
            <a:r>
              <a:rPr lang="en-GB">
                <a:cs typeface="Arial"/>
              </a:rPr>
              <a:t>Possibly by searching for particular paragraph references in the tex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284F457-4BAA-9D3A-9880-60FE3D0D124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8049316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1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6.xml><?xml version="1.0" encoding="utf-8"?>
<TemplafySlideFormConfiguration><![CDATA[{"formFields":[],"formDataEntries":[]}]]></TemplafySlideFormConfiguration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581B3DC859E6747A22111E4EA47886C" ma:contentTypeVersion="2" ma:contentTypeDescription="Opret et nyt dokument." ma:contentTypeScope="" ma:versionID="6712baae874d231f93fe35bebff52f21">
  <xsd:schema xmlns:xsd="http://www.w3.org/2001/XMLSchema" xmlns:xs="http://www.w3.org/2001/XMLSchema" xmlns:p="http://schemas.microsoft.com/office/2006/metadata/properties" xmlns:ns2="cff0e4b2-e565-494b-a7c7-89c540ed2770" targetNamespace="http://schemas.microsoft.com/office/2006/metadata/properties" ma:root="true" ma:fieldsID="8eb53722b2c2b329971eb8b009f7bdab" ns2:_="">
    <xsd:import namespace="cff0e4b2-e565-494b-a7c7-89c540ed277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ff0e4b2-e565-494b-a7c7-89c540ed277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8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D790D1B-8BD8-4C9C-93D6-0209305BAFA0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10.xml><?xml version="1.0" encoding="utf-8"?>
<ds:datastoreItem xmlns:ds="http://schemas.openxmlformats.org/officeDocument/2006/customXml" ds:itemID="{BDDF36B4-6F01-4E1C-A954-D711DCD5A2E7}">
  <ds:schemaRefs/>
</ds:datastoreItem>
</file>

<file path=customXml/itemProps11.xml><?xml version="1.0" encoding="utf-8"?>
<ds:datastoreItem xmlns:ds="http://schemas.openxmlformats.org/officeDocument/2006/customXml" ds:itemID="{11FAAC39-0A3A-4CC2-A9C1-60940B78AE17}">
  <ds:schemaRefs/>
</ds:datastoreItem>
</file>

<file path=customXml/itemProps12.xml><?xml version="1.0" encoding="utf-8"?>
<ds:datastoreItem xmlns:ds="http://schemas.openxmlformats.org/officeDocument/2006/customXml" ds:itemID="{859FDF57-D001-4B22-949C-9E811DD3F9DF}">
  <ds:schemaRefs/>
</ds:datastoreItem>
</file>

<file path=customXml/itemProps13.xml><?xml version="1.0" encoding="utf-8"?>
<ds:datastoreItem xmlns:ds="http://schemas.openxmlformats.org/officeDocument/2006/customXml" ds:itemID="{66D3F379-77F4-4C43-8BC1-50D9C8D8E571}">
  <ds:schemaRefs/>
</ds:datastoreItem>
</file>

<file path=customXml/itemProps14.xml><?xml version="1.0" encoding="utf-8"?>
<ds:datastoreItem xmlns:ds="http://schemas.openxmlformats.org/officeDocument/2006/customXml" ds:itemID="{05DC2B94-7C1B-4C14-83B0-9CD2A82C27E0}">
  <ds:schemaRefs/>
</ds:datastoreItem>
</file>

<file path=customXml/itemProps15.xml><?xml version="1.0" encoding="utf-8"?>
<ds:datastoreItem xmlns:ds="http://schemas.openxmlformats.org/officeDocument/2006/customXml" ds:itemID="{93717C05-A080-4C92-9B11-73E284854377}">
  <ds:schemaRefs>
    <ds:schemaRef ds:uri="http://schemas.microsoft.com/sharepoint/v3/contenttype/forms"/>
  </ds:schemaRefs>
</ds:datastoreItem>
</file>

<file path=customXml/itemProps16.xml><?xml version="1.0" encoding="utf-8"?>
<ds:datastoreItem xmlns:ds="http://schemas.openxmlformats.org/officeDocument/2006/customXml" ds:itemID="{F4C08C7F-F953-44DE-ACDE-930692BDDB0F}">
  <ds:schemaRefs/>
</ds:datastoreItem>
</file>

<file path=customXml/itemProps17.xml><?xml version="1.0" encoding="utf-8"?>
<ds:datastoreItem xmlns:ds="http://schemas.openxmlformats.org/officeDocument/2006/customXml" ds:itemID="{9712646F-3BFA-40AF-AF9F-DC3EAF3930BE}">
  <ds:schemaRefs>
    <ds:schemaRef ds:uri="cff0e4b2-e565-494b-a7c7-89c540ed2770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E5957E33-0059-46CE-AE7B-582F67E40B53}">
  <ds:schemaRefs/>
</ds:datastoreItem>
</file>

<file path=customXml/itemProps3.xml><?xml version="1.0" encoding="utf-8"?>
<ds:datastoreItem xmlns:ds="http://schemas.openxmlformats.org/officeDocument/2006/customXml" ds:itemID="{02E7CCCE-613B-4CED-B813-E473EA1E01B2}">
  <ds:schemaRefs/>
</ds:datastoreItem>
</file>

<file path=customXml/itemProps4.xml><?xml version="1.0" encoding="utf-8"?>
<ds:datastoreItem xmlns:ds="http://schemas.openxmlformats.org/officeDocument/2006/customXml" ds:itemID="{025C5EB7-1C47-4723-9050-F3DA241BB226}">
  <ds:schemaRefs/>
</ds:datastoreItem>
</file>

<file path=customXml/itemProps5.xml><?xml version="1.0" encoding="utf-8"?>
<ds:datastoreItem xmlns:ds="http://schemas.openxmlformats.org/officeDocument/2006/customXml" ds:itemID="{87CEB0B8-C9FD-4DE9-ABC7-B4FF3131BF2E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C398C89E-34A7-4862-B7C8-94A1702C659B}">
  <ds:schemaRefs/>
</ds:datastoreItem>
</file>

<file path=customXml/itemProps8.xml><?xml version="1.0" encoding="utf-8"?>
<ds:datastoreItem xmlns:ds="http://schemas.openxmlformats.org/officeDocument/2006/customXml" ds:itemID="{1334258C-C3E7-4029-A615-C886A240FB15}">
  <ds:schemaRefs/>
</ds:datastoreItem>
</file>

<file path=customXml/itemProps9.xml><?xml version="1.0" encoding="utf-8"?>
<ds:datastoreItem xmlns:ds="http://schemas.openxmlformats.org/officeDocument/2006/customXml" ds:itemID="{8660AB89-308F-4A34-B01B-CC1A9333F1B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Application>Microsoft Office PowerPoint</Application>
  <PresentationFormat>Custom</PresentationFormat>
  <Slides>6</Slides>
  <Notes>0</Notes>
  <HiddenSlides>0</HiddenSlide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7" baseType="lpstr">
      <vt:lpstr>Blank</vt:lpstr>
      <vt:lpstr>Determining "high-significance" nodes in a network of legal documents indicating one or more key obstacles for law makers implementing new laws during a pandemic.</vt:lpstr>
      <vt:lpstr>Accessible and incomprehensible</vt:lpstr>
      <vt:lpstr>PowerPoint Presentation</vt:lpstr>
      <vt:lpstr>Goal &amp; the implementation plan</vt:lpstr>
      <vt:lpstr>Preliminary data-analysis</vt:lpstr>
      <vt:lpstr>Tying the method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acob R. Bowen</dc:creator>
  <cp:revision>1</cp:revision>
  <dcterms:created xsi:type="dcterms:W3CDTF">2020-04-13T19:57:40Z</dcterms:created>
  <dcterms:modified xsi:type="dcterms:W3CDTF">2022-04-19T21:07:2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0581B3DC859E6747A22111E4EA47886C</vt:lpwstr>
  </property>
</Properties>
</file>